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60" r:id="rId1"/>
  </p:sldMasterIdLst>
  <p:notesMasterIdLst>
    <p:notesMasterId r:id="rId31"/>
  </p:notesMasterIdLst>
  <p:sldIdLst>
    <p:sldId id="262" r:id="rId2"/>
    <p:sldId id="263" r:id="rId3"/>
    <p:sldId id="389" r:id="rId4"/>
    <p:sldId id="269" r:id="rId5"/>
    <p:sldId id="390" r:id="rId6"/>
    <p:sldId id="384" r:id="rId7"/>
    <p:sldId id="394" r:id="rId8"/>
    <p:sldId id="399" r:id="rId9"/>
    <p:sldId id="266" r:id="rId10"/>
    <p:sldId id="391" r:id="rId11"/>
    <p:sldId id="392" r:id="rId12"/>
    <p:sldId id="393" r:id="rId13"/>
    <p:sldId id="383" r:id="rId14"/>
    <p:sldId id="400" r:id="rId15"/>
    <p:sldId id="401" r:id="rId16"/>
    <p:sldId id="403" r:id="rId17"/>
    <p:sldId id="402" r:id="rId18"/>
    <p:sldId id="385" r:id="rId19"/>
    <p:sldId id="388" r:id="rId20"/>
    <p:sldId id="404" r:id="rId21"/>
    <p:sldId id="386" r:id="rId22"/>
    <p:sldId id="405" r:id="rId23"/>
    <p:sldId id="395" r:id="rId24"/>
    <p:sldId id="406" r:id="rId25"/>
    <p:sldId id="397" r:id="rId26"/>
    <p:sldId id="408" r:id="rId27"/>
    <p:sldId id="407" r:id="rId28"/>
    <p:sldId id="396" r:id="rId29"/>
    <p:sldId id="382" r:id="rId3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03864"/>
    <a:srgbClr val="FF5F00"/>
    <a:srgbClr val="EF7D33"/>
    <a:srgbClr val="C3A7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7985" autoAdjust="0"/>
    <p:restoredTop sz="76614" autoAdjust="0"/>
  </p:normalViewPr>
  <p:slideViewPr>
    <p:cSldViewPr snapToGrid="0" snapToObjects="1">
      <p:cViewPr varScale="1">
        <p:scale>
          <a:sx n="72" d="100"/>
          <a:sy n="72" d="100"/>
        </p:scale>
        <p:origin x="549" y="51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tableStyles" Target="tableStyles.xml"/><Relationship Id="rId8" Type="http://schemas.openxmlformats.org/officeDocument/2006/relationships/slide" Target="slides/slide7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13B28D3-60AC-4E60-8C5A-EDA5345259EB}" type="datetimeFigureOut">
              <a:rPr lang="en-US" smtClean="0"/>
              <a:t>12/15/2020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8333640-3811-4331-87ED-48D24A26A0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8585315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333640-3811-4331-87ED-48D24A26A0C3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551388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333640-3811-4331-87ED-48D24A26A0C3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760457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333640-3811-4331-87ED-48D24A26A0C3}" type="slidenum">
              <a:rPr lang="en-US" smtClean="0"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2643690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="0" dirty="0"/>
              <a:t>“If everything is important, nothing is important”</a:t>
            </a:r>
          </a:p>
          <a:p>
            <a:endParaRPr lang="en-US" b="1" dirty="0"/>
          </a:p>
          <a:p>
            <a:r>
              <a:rPr lang="en-US" b="1" dirty="0"/>
              <a:t>Priorities management</a:t>
            </a:r>
            <a:r>
              <a:rPr lang="en-US" dirty="0"/>
              <a:t>: https://www.workfront.com/project-management/knowledge-areas/time-management/priorities-management</a:t>
            </a:r>
          </a:p>
          <a:p>
            <a:endParaRPr lang="en-US" dirty="0"/>
          </a:p>
          <a:p>
            <a:r>
              <a:rPr lang="en-US" dirty="0"/>
              <a:t>https://www.wework.com/ideas/worklife/how-to-prioritize-work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333640-3811-4331-87ED-48D24A26A0C3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309911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https://www.hostos.cuny.edu/Hostos/media/Office-of-the-President/Strategic%20Plan/Hostos-2017-2022-Strategic-Plan-Framework-Booklet.pdf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333640-3811-4331-87ED-48D24A26A0C3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261357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333640-3811-4331-87ED-48D24A26A0C3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6829822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Note: not all of the activities may be pursued this year and they don’t have to be</a:t>
            </a:r>
          </a:p>
          <a:p>
            <a:endParaRPr lang="en-US" dirty="0"/>
          </a:p>
          <a:p>
            <a:r>
              <a:rPr lang="en-US" b="1" dirty="0"/>
              <a:t>MOCHA Framework </a:t>
            </a:r>
            <a:r>
              <a:rPr lang="en-US" dirty="0"/>
              <a:t>- https://www.managementcenter.org/wp-content/uploads/2015/08/MOCHA-for-managers.pdf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333640-3811-4331-87ED-48D24A26A0C3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334239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Don’t need to name specific people; can be general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333640-3811-4331-87ED-48D24A26A0C3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778513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i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333640-3811-4331-87ED-48D24A26A0C3}" type="slidenum">
              <a:rPr lang="en-US" smtClean="0"/>
              <a:t>2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113569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i="1" dirty="0"/>
              <a:t>For the purposes of my learning (I will be the sole viewer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333640-3811-4331-87ED-48D24A26A0C3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5614367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 typeface="Arial" panose="020B0604020202020204" pitchFamily="34" charset="0"/>
              <a:buChar char="•"/>
            </a:pPr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333640-3811-4331-87ED-48D24A26A0C3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197362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333640-3811-4331-87ED-48D24A26A0C3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334820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="1" dirty="0"/>
              <a:t>Go to the Cohort Structure Documen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333640-3811-4331-87ED-48D24A26A0C3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553216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333640-3811-4331-87ED-48D24A26A0C3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2106549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333640-3811-4331-87ED-48D24A26A0C3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8275948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333640-3811-4331-87ED-48D24A26A0C3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4603017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8333640-3811-4331-87ED-48D24A26A0C3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6952395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riangle 10">
            <a:extLst>
              <a:ext uri="{FF2B5EF4-FFF2-40B4-BE49-F238E27FC236}">
                <a16:creationId xmlns:a16="http://schemas.microsoft.com/office/drawing/2014/main" id="{D22FEEB0-EAF4-4524-914F-4F1E487C86C8}"/>
              </a:ext>
            </a:extLst>
          </p:cNvPr>
          <p:cNvSpPr/>
          <p:nvPr userDrawn="1"/>
        </p:nvSpPr>
        <p:spPr>
          <a:xfrm flipH="1">
            <a:off x="-47813" y="5321146"/>
            <a:ext cx="9849079" cy="1536853"/>
          </a:xfrm>
          <a:prstGeom prst="triangle">
            <a:avLst>
              <a:gd name="adj" fmla="val 100000"/>
            </a:avLst>
          </a:prstGeom>
          <a:solidFill>
            <a:srgbClr val="FE5F00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5F00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>
                <a:latin typeface="Arial Black" panose="020B0A040201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3518" y="6310312"/>
            <a:ext cx="2743200" cy="3651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Triangle 11">
            <a:extLst>
              <a:ext uri="{FF2B5EF4-FFF2-40B4-BE49-F238E27FC236}">
                <a16:creationId xmlns:a16="http://schemas.microsoft.com/office/drawing/2014/main" id="{5D593476-7C2A-478C-B278-CCABC09177BB}"/>
              </a:ext>
            </a:extLst>
          </p:cNvPr>
          <p:cNvSpPr/>
          <p:nvPr userDrawn="1"/>
        </p:nvSpPr>
        <p:spPr>
          <a:xfrm>
            <a:off x="73518" y="5464366"/>
            <a:ext cx="12166294" cy="1393634"/>
          </a:xfrm>
          <a:prstGeom prst="triangle">
            <a:avLst>
              <a:gd name="adj" fmla="val 100000"/>
            </a:avLst>
          </a:pr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375282" y="6359712"/>
            <a:ext cx="2743200" cy="365125"/>
          </a:xfrm>
        </p:spPr>
        <p:txBody>
          <a:bodyPr/>
          <a:lstStyle>
            <a:lvl1pPr>
              <a:defRPr sz="1400">
                <a:solidFill>
                  <a:schemeClr val="bg1"/>
                </a:solidFill>
              </a:defRPr>
            </a:lvl1pPr>
          </a:lstStyle>
          <a:p>
            <a:fld id="{CD632B81-75F1-5244-BCEB-6734F00DE0EE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BDFE59A7-9239-483D-BD3C-23CB90A8DCA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92458" y="358489"/>
            <a:ext cx="3657449" cy="7204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86140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riangle 10">
            <a:extLst>
              <a:ext uri="{FF2B5EF4-FFF2-40B4-BE49-F238E27FC236}">
                <a16:creationId xmlns:a16="http://schemas.microsoft.com/office/drawing/2014/main" id="{704319F7-BC1C-46C7-A90F-A873DAECD272}"/>
              </a:ext>
            </a:extLst>
          </p:cNvPr>
          <p:cNvSpPr/>
          <p:nvPr userDrawn="1"/>
        </p:nvSpPr>
        <p:spPr>
          <a:xfrm flipH="1">
            <a:off x="-47813" y="5321146"/>
            <a:ext cx="9849079" cy="1536853"/>
          </a:xfrm>
          <a:prstGeom prst="triangle">
            <a:avLst>
              <a:gd name="adj" fmla="val 100000"/>
            </a:avLst>
          </a:prstGeom>
          <a:solidFill>
            <a:srgbClr val="FE5F00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5F00"/>
              </a:solidFill>
            </a:endParaRPr>
          </a:p>
        </p:txBody>
      </p:sp>
      <p:sp>
        <p:nvSpPr>
          <p:cNvPr id="9" name="Triangle 11">
            <a:extLst>
              <a:ext uri="{FF2B5EF4-FFF2-40B4-BE49-F238E27FC236}">
                <a16:creationId xmlns:a16="http://schemas.microsoft.com/office/drawing/2014/main" id="{5EE09A8B-B105-4655-9728-EE82A037E67D}"/>
              </a:ext>
            </a:extLst>
          </p:cNvPr>
          <p:cNvSpPr/>
          <p:nvPr userDrawn="1"/>
        </p:nvSpPr>
        <p:spPr>
          <a:xfrm>
            <a:off x="73518" y="5464366"/>
            <a:ext cx="12166294" cy="1393634"/>
          </a:xfrm>
          <a:prstGeom prst="triangle">
            <a:avLst>
              <a:gd name="adj" fmla="val 100000"/>
            </a:avLst>
          </a:pr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</p:spPr>
        <p:txBody>
          <a:bodyPr/>
          <a:lstStyle>
            <a:lvl1pPr>
              <a:defRPr>
                <a:latin typeface="Arial Black" panose="020B0A040201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4351338"/>
          </a:xfrm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defRPr>
                <a:latin typeface="Arial" panose="020B0604020202020204" pitchFamily="34" charset="0"/>
                <a:cs typeface="Arial" panose="020B0604020202020204" pitchFamily="34" charset="0"/>
              </a:defRPr>
            </a:lvl2pPr>
            <a:lvl3pPr>
              <a:defRPr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CD632B81-75F1-5244-BCEB-6734F00DE0EE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A1FA0D90-EE16-4AB1-9AE7-85CC66A2846A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044" y="5490093"/>
            <a:ext cx="1622311" cy="12344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94008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010508"/>
            <a:ext cx="10515600" cy="2852737"/>
          </a:xfrm>
        </p:spPr>
        <p:txBody>
          <a:bodyPr anchor="b"/>
          <a:lstStyle>
            <a:lvl1pPr>
              <a:defRPr sz="6000">
                <a:latin typeface="Arial Black" panose="020B0A040201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3914146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t>‹#›</a:t>
            </a:fld>
            <a:endParaRPr lang="en-US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047B2A21-83ED-4A97-B449-C087CCC0C40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92458" y="358489"/>
            <a:ext cx="3657449" cy="7204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2627185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riangle 10">
            <a:extLst>
              <a:ext uri="{FF2B5EF4-FFF2-40B4-BE49-F238E27FC236}">
                <a16:creationId xmlns:a16="http://schemas.microsoft.com/office/drawing/2014/main" id="{5838219E-6BC0-495F-9676-0F6EC0AC937A}"/>
              </a:ext>
            </a:extLst>
          </p:cNvPr>
          <p:cNvSpPr/>
          <p:nvPr userDrawn="1"/>
        </p:nvSpPr>
        <p:spPr>
          <a:xfrm flipH="1">
            <a:off x="-47813" y="5321146"/>
            <a:ext cx="9849079" cy="1536853"/>
          </a:xfrm>
          <a:prstGeom prst="triangle">
            <a:avLst>
              <a:gd name="adj" fmla="val 100000"/>
            </a:avLst>
          </a:prstGeom>
          <a:solidFill>
            <a:srgbClr val="FE5F00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FF5F00"/>
              </a:solidFill>
            </a:endParaRPr>
          </a:p>
        </p:txBody>
      </p:sp>
      <p:sp>
        <p:nvSpPr>
          <p:cNvPr id="9" name="Triangle 11">
            <a:extLst>
              <a:ext uri="{FF2B5EF4-FFF2-40B4-BE49-F238E27FC236}">
                <a16:creationId xmlns:a16="http://schemas.microsoft.com/office/drawing/2014/main" id="{B77BE7DC-A64E-439A-A378-6893ECC977DF}"/>
              </a:ext>
            </a:extLst>
          </p:cNvPr>
          <p:cNvSpPr/>
          <p:nvPr userDrawn="1"/>
        </p:nvSpPr>
        <p:spPr>
          <a:xfrm>
            <a:off x="73518" y="5464366"/>
            <a:ext cx="12166294" cy="1393634"/>
          </a:xfrm>
          <a:prstGeom prst="triangle">
            <a:avLst>
              <a:gd name="adj" fmla="val 100000"/>
            </a:avLst>
          </a:pr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Arial Black" panose="020B0A040201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defRPr>
                <a:latin typeface="Arial" panose="020B0604020202020204" pitchFamily="34" charset="0"/>
                <a:cs typeface="Arial" panose="020B0604020202020204" pitchFamily="34" charset="0"/>
              </a:defRPr>
            </a:lvl2pPr>
            <a:lvl3pPr>
              <a:defRPr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defRPr>
                <a:latin typeface="Arial" panose="020B0604020202020204" pitchFamily="34" charset="0"/>
                <a:cs typeface="Arial" panose="020B0604020202020204" pitchFamily="34" charset="0"/>
              </a:defRPr>
            </a:lvl2pPr>
            <a:lvl3pPr>
              <a:defRPr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CD632B81-75F1-5244-BCEB-6734F00DE0EE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59F4B4C0-5AF5-47B7-9BB3-75852F22CEF4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044" y="5490093"/>
            <a:ext cx="1622311" cy="12344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5223782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>
            <a:lvl1pPr>
              <a:defRPr>
                <a:latin typeface="Arial Black" panose="020B0A040201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defRPr>
                <a:latin typeface="Arial" panose="020B0604020202020204" pitchFamily="34" charset="0"/>
                <a:cs typeface="Arial" panose="020B0604020202020204" pitchFamily="34" charset="0"/>
              </a:defRPr>
            </a:lvl2pPr>
            <a:lvl3pPr>
              <a:defRPr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>
            <a:lvl1pPr>
              <a:defRPr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defRPr>
                <a:latin typeface="Arial" panose="020B0604020202020204" pitchFamily="34" charset="0"/>
                <a:cs typeface="Arial" panose="020B0604020202020204" pitchFamily="34" charset="0"/>
              </a:defRPr>
            </a:lvl2pPr>
            <a:lvl3pPr>
              <a:defRPr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>
                <a:latin typeface="Arial" panose="020B0604020202020204" pitchFamily="34" charset="0"/>
                <a:cs typeface="Arial" panose="020B0604020202020204" pitchFamily="34" charset="0"/>
              </a:defRPr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t>‹#›</a:t>
            </a:fld>
            <a:endParaRPr lang="en-US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D0B6B6A5-AA9B-49DA-98D6-78BA7D9A53DD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044" y="5490093"/>
            <a:ext cx="1622311" cy="12344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9049266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Arial Black" panose="020B0A040201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t>‹#›</a:t>
            </a:fld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01C610D-FDED-494A-8C6B-56DB258C3C46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044" y="5490093"/>
            <a:ext cx="1622311" cy="12344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7224684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t>‹#›</a:t>
            </a:fld>
            <a:endParaRPr lang="en-US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9AE91498-6E23-47D7-91E5-A33FD75F200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044" y="5490093"/>
            <a:ext cx="1622311" cy="12344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1504006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>
              <a:defRPr sz="2800">
                <a:latin typeface="Arial" panose="020B0604020202020204" pitchFamily="34" charset="0"/>
                <a:cs typeface="Arial" panose="020B0604020202020204" pitchFamily="34" charset="0"/>
              </a:defRPr>
            </a:lvl2pPr>
            <a:lvl3pPr>
              <a:defRPr sz="2400">
                <a:latin typeface="Arial" panose="020B0604020202020204" pitchFamily="34" charset="0"/>
                <a:cs typeface="Arial" panose="020B0604020202020204" pitchFamily="34" charset="0"/>
              </a:defRPr>
            </a:lvl3pPr>
            <a:lvl4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4pPr>
            <a:lvl5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t>‹#›</a:t>
            </a:fld>
            <a:endParaRPr lang="en-US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A95EF46D-D387-4144-89D0-E49B01CE4857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044" y="5490093"/>
            <a:ext cx="1622311" cy="12344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0091137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dirty="0"/>
              <a:t>Edit Master text styles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t>‹#›</a:t>
            </a:fld>
            <a:endParaRPr lang="en-US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8A0ECC5C-5CC0-4ADA-A0A5-D44B5FE2693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044" y="5490093"/>
            <a:ext cx="1622311" cy="12344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6631617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10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riangle 10">
            <a:extLst>
              <a:ext uri="{FF2B5EF4-FFF2-40B4-BE49-F238E27FC236}">
                <a16:creationId xmlns:a16="http://schemas.microsoft.com/office/drawing/2014/main" id="{4D23017A-9B52-4654-89C1-C2A73B7ACE6E}"/>
              </a:ext>
            </a:extLst>
          </p:cNvPr>
          <p:cNvSpPr/>
          <p:nvPr userDrawn="1"/>
        </p:nvSpPr>
        <p:spPr>
          <a:xfrm flipH="1">
            <a:off x="-47813" y="5321146"/>
            <a:ext cx="9849079" cy="1536853"/>
          </a:xfrm>
          <a:prstGeom prst="triangle">
            <a:avLst>
              <a:gd name="adj" fmla="val 100000"/>
            </a:avLst>
          </a:prstGeom>
          <a:solidFill>
            <a:srgbClr val="FE5F00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5F00"/>
              </a:solidFill>
            </a:endParaRPr>
          </a:p>
        </p:txBody>
      </p:sp>
      <p:sp>
        <p:nvSpPr>
          <p:cNvPr id="8" name="Triangle 11">
            <a:extLst>
              <a:ext uri="{FF2B5EF4-FFF2-40B4-BE49-F238E27FC236}">
                <a16:creationId xmlns:a16="http://schemas.microsoft.com/office/drawing/2014/main" id="{C2EE3A3A-6696-4281-ACDD-491A20B8DB11}"/>
              </a:ext>
            </a:extLst>
          </p:cNvPr>
          <p:cNvSpPr/>
          <p:nvPr userDrawn="1"/>
        </p:nvSpPr>
        <p:spPr>
          <a:xfrm>
            <a:off x="73518" y="5464366"/>
            <a:ext cx="12166294" cy="1393634"/>
          </a:xfrm>
          <a:prstGeom prst="triangle">
            <a:avLst>
              <a:gd name="adj" fmla="val 100000"/>
            </a:avLst>
          </a:pr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CD632B81-75F1-5244-BCEB-6734F00DE0EE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716117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rgbClr val="203864"/>
          </a:solidFill>
          <a:latin typeface="Arial Black" panose="020B0A04020102020204" pitchFamily="34" charset="0"/>
          <a:ea typeface="+mj-ea"/>
          <a:cs typeface="Arial" panose="020B0604020202020204" pitchFamily="34" charset="0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/>
        <a:buChar char="•"/>
        <a:defRPr sz="2800" kern="1200">
          <a:solidFill>
            <a:srgbClr val="203864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400" kern="1200">
          <a:solidFill>
            <a:srgbClr val="203864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000" kern="1200">
          <a:solidFill>
            <a:srgbClr val="203864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rgbClr val="203864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rgbClr val="203864"/>
          </a:solidFill>
          <a:latin typeface="Arial" panose="020B0604020202020204" pitchFamily="34" charset="0"/>
          <a:ea typeface="+mn-ea"/>
          <a:cs typeface="Arial" panose="020B060402020202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7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7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7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7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17.png"/></Relationships>
</file>

<file path=ppt/slides/_rels/slide2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>
            <a:extLst>
              <a:ext uri="{FF2B5EF4-FFF2-40B4-BE49-F238E27FC236}">
                <a16:creationId xmlns:a16="http://schemas.microsoft.com/office/drawing/2014/main" id="{9C909308-902B-B84B-85B9-1459152B46A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92458" y="358489"/>
            <a:ext cx="3657449" cy="720407"/>
          </a:xfrm>
          <a:prstGeom prst="rect">
            <a:avLst/>
          </a:prstGeom>
        </p:spPr>
      </p:pic>
      <p:sp>
        <p:nvSpPr>
          <p:cNvPr id="11" name="Triangle 10">
            <a:extLst>
              <a:ext uri="{FF2B5EF4-FFF2-40B4-BE49-F238E27FC236}">
                <a16:creationId xmlns:a16="http://schemas.microsoft.com/office/drawing/2014/main" id="{D9CE664F-FFCA-D044-A93B-E0347E13B39D}"/>
              </a:ext>
            </a:extLst>
          </p:cNvPr>
          <p:cNvSpPr/>
          <p:nvPr/>
        </p:nvSpPr>
        <p:spPr>
          <a:xfrm flipH="1">
            <a:off x="-1" y="5321146"/>
            <a:ext cx="9849079" cy="1536853"/>
          </a:xfrm>
          <a:prstGeom prst="triangle">
            <a:avLst>
              <a:gd name="adj" fmla="val 100000"/>
            </a:avLst>
          </a:prstGeom>
          <a:solidFill>
            <a:srgbClr val="FE5F00"/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5F00"/>
              </a:solidFill>
            </a:endParaRPr>
          </a:p>
        </p:txBody>
      </p:sp>
      <p:sp>
        <p:nvSpPr>
          <p:cNvPr id="12" name="Triangle 11">
            <a:extLst>
              <a:ext uri="{FF2B5EF4-FFF2-40B4-BE49-F238E27FC236}">
                <a16:creationId xmlns:a16="http://schemas.microsoft.com/office/drawing/2014/main" id="{F790D417-BDA5-4644-8ADC-2A4928B60B62}"/>
              </a:ext>
            </a:extLst>
          </p:cNvPr>
          <p:cNvSpPr/>
          <p:nvPr/>
        </p:nvSpPr>
        <p:spPr>
          <a:xfrm>
            <a:off x="25706" y="5464366"/>
            <a:ext cx="12166294" cy="1393634"/>
          </a:xfrm>
          <a:prstGeom prst="triangle">
            <a:avLst>
              <a:gd name="adj" fmla="val 100000"/>
            </a:avLst>
          </a:prstGeom>
          <a:solidFill>
            <a:schemeClr val="accent1">
              <a:lumMod val="50000"/>
            </a:schemeClr>
          </a:solidFill>
          <a:ln>
            <a:noFill/>
          </a:ln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9F9DEC0-A124-4F9A-9C3E-C086B1C1571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36853" y="2006221"/>
            <a:ext cx="9144000" cy="2387600"/>
          </a:xfrm>
        </p:spPr>
        <p:txBody>
          <a:bodyPr>
            <a:normAutofit fontScale="90000"/>
          </a:bodyPr>
          <a:lstStyle/>
          <a:p>
            <a:r>
              <a:rPr lang="en-US" b="1" dirty="0"/>
              <a:t>AES Program Reflection Process -  Cohort Meeting #3</a:t>
            </a:r>
          </a:p>
        </p:txBody>
      </p:sp>
    </p:spTree>
    <p:extLst>
      <p:ext uri="{BB962C8B-B14F-4D97-AF65-F5344CB8AC3E}">
        <p14:creationId xmlns:p14="http://schemas.microsoft.com/office/powerpoint/2010/main" val="133172407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B2666258-D374-46DB-8502-3423C5F2393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Goals for Completing 2nd Part of Template Document (cont.)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8EB9DBC-CCD3-4D23-8443-170902703D1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b="1" dirty="0"/>
              <a:t>SWOT Analysis</a:t>
            </a:r>
          </a:p>
          <a:p>
            <a:pPr marL="514350" indent="-514350">
              <a:buFont typeface="+mj-lt"/>
              <a:buAutoNum type="arabicPeriod"/>
            </a:pPr>
            <a:r>
              <a:rPr lang="en-US" u="sng" dirty="0"/>
              <a:t>Strengths</a:t>
            </a:r>
            <a:r>
              <a:rPr lang="en-US" dirty="0"/>
              <a:t> and </a:t>
            </a:r>
            <a:r>
              <a:rPr lang="en-US" u="sng" dirty="0"/>
              <a:t>weaknesses</a:t>
            </a:r>
            <a:r>
              <a:rPr lang="en-US" dirty="0"/>
              <a:t> listed as part of your SWOT Analysis are </a:t>
            </a:r>
            <a:r>
              <a:rPr lang="en-US" b="1" dirty="0"/>
              <a:t>internal</a:t>
            </a:r>
            <a:r>
              <a:rPr lang="en-US" dirty="0"/>
              <a:t> attributes/characteristics of your unit</a:t>
            </a:r>
          </a:p>
          <a:p>
            <a:pPr lvl="1"/>
            <a:r>
              <a:rPr lang="en-US" i="1" dirty="0"/>
              <a:t>E.g. Strength – the members of our unit team have strong organizing skills and capacity; our unit is well-known throughout the college.</a:t>
            </a:r>
          </a:p>
          <a:p>
            <a:pPr lvl="1"/>
            <a:r>
              <a:rPr lang="en-US" i="1" dirty="0"/>
              <a:t>E.g. Weakness – our unit has a tendency to get sidetracked from our major projects</a:t>
            </a:r>
          </a:p>
          <a:p>
            <a:pPr marL="514350" indent="-514350">
              <a:buFont typeface="+mj-lt"/>
              <a:buAutoNum type="arabicPeriod"/>
            </a:pPr>
            <a:r>
              <a:rPr lang="en-US" u="sng" dirty="0"/>
              <a:t>Opportunities</a:t>
            </a:r>
            <a:r>
              <a:rPr lang="en-US" dirty="0"/>
              <a:t> and </a:t>
            </a:r>
            <a:r>
              <a:rPr lang="en-US" u="sng" dirty="0"/>
              <a:t>Threats</a:t>
            </a:r>
            <a:r>
              <a:rPr lang="en-US" dirty="0"/>
              <a:t> listed are </a:t>
            </a:r>
            <a:r>
              <a:rPr lang="en-US" b="1" dirty="0"/>
              <a:t>external</a:t>
            </a:r>
            <a:r>
              <a:rPr lang="en-US" dirty="0"/>
              <a:t> attributes or conditions of your unit</a:t>
            </a:r>
          </a:p>
          <a:p>
            <a:pPr marL="514350" indent="-514350">
              <a:buFont typeface="+mj-lt"/>
              <a:buAutoNum type="arabicPeriod"/>
            </a:pPr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3265C6B-3ACB-473B-8B8F-7F454BF305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pPr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5874776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B2666258-D374-46DB-8502-3423C5F2393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Goals for Completing 2nd Part of Template Document (cont.)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8EB9DBC-CCD3-4D23-8443-170902703D1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b="1" dirty="0"/>
              <a:t>Summary of Ideas for Activities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/>
              <a:t>Contains simple list of which activities the unit will continue, discontinue, and/or introduce based on unit’s assessment</a:t>
            </a:r>
          </a:p>
          <a:p>
            <a:pPr marL="971550" lvl="1" indent="-514350">
              <a:buFont typeface="+mj-lt"/>
              <a:buAutoNum type="arabicPeriod"/>
            </a:pPr>
            <a:r>
              <a:rPr lang="en-US" i="1" dirty="0"/>
              <a:t>Note: units should carefully consider if there are major activities that it might make sense to discontinue; this is an area that is often short-changed.</a:t>
            </a:r>
          </a:p>
          <a:p>
            <a:pPr marL="971550" lvl="1" indent="-514350">
              <a:buFont typeface="+mj-lt"/>
              <a:buAutoNum type="arabicPeriod"/>
            </a:pPr>
            <a:r>
              <a:rPr lang="en-US" i="1" dirty="0"/>
              <a:t>If a major activity is going to be continued, but with a substantive change to the approach, that should go in the “Introduce” column.</a:t>
            </a:r>
          </a:p>
          <a:p>
            <a:pPr marL="514350" indent="-514350">
              <a:buFont typeface="+mj-lt"/>
              <a:buAutoNum type="arabicPeriod"/>
            </a:pPr>
            <a:endParaRPr lang="en-US" dirty="0"/>
          </a:p>
          <a:p>
            <a:pPr marL="514350" indent="-514350">
              <a:buFont typeface="+mj-lt"/>
              <a:buAutoNum type="arabicPeriod"/>
            </a:pPr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3265C6B-3ACB-473B-8B8F-7F454BF305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pPr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28305113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B2666258-D374-46DB-8502-3423C5F2393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Goals for Completing 2nd Part of Template Document (cont.)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8EB9DBC-CCD3-4D23-8443-170902703D1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b="1" dirty="0"/>
              <a:t>Summary of Unit Goals Reflection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/>
              <a:t>A brief statement of whether your unit thinks your goals still make sense as is </a:t>
            </a:r>
            <a:r>
              <a:rPr lang="en-US" b="1" i="1" dirty="0"/>
              <a:t>or</a:t>
            </a:r>
            <a:r>
              <a:rPr lang="en-US" dirty="0"/>
              <a:t> a statement of any adjustments/edits you think you should make to your unit goals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/>
              <a:t>If your unit thinks an additional unit goal should be included, this should be included. </a:t>
            </a:r>
          </a:p>
          <a:p>
            <a:pPr marL="514350" indent="-514350">
              <a:buFont typeface="+mj-lt"/>
              <a:buAutoNum type="arabicPeriod"/>
            </a:pPr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3265C6B-3ACB-473B-8B8F-7F454BF305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pPr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9870609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C6EDBBA-7134-4F0C-A16A-0DECDFDF63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149373"/>
            <a:ext cx="10515600" cy="4559253"/>
          </a:xfrm>
        </p:spPr>
        <p:txBody>
          <a:bodyPr anchor="ctr">
            <a:noAutofit/>
          </a:bodyPr>
          <a:lstStyle/>
          <a:p>
            <a:pPr algn="ctr"/>
            <a:r>
              <a:rPr lang="en-US" dirty="0"/>
              <a:t>“Finalization”: Adjustments, Prioritization, and Alignment to College Priorities </a:t>
            </a:r>
            <a:endParaRPr lang="en-US" sz="4400" b="1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6655D6-B4C6-4FF9-9B52-1BB342419C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693956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C7115394-1A44-451C-8FB6-04878BB5FAE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3445565" y="123126"/>
            <a:ext cx="4512365" cy="6734874"/>
          </a:xfr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DB27894-B022-42E9-82FA-2AACEA7F06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pPr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9866164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8C0005-7BE6-42D9-AB96-349B08B7B60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bjectives for Finaliz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9E2B894-5944-4570-8D9B-D9549E62642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69235" y="1616765"/>
            <a:ext cx="10999303" cy="4088296"/>
          </a:xfrm>
        </p:spPr>
        <p:txBody>
          <a:bodyPr>
            <a:normAutofit lnSpcReduction="10000"/>
          </a:bodyPr>
          <a:lstStyle/>
          <a:p>
            <a:r>
              <a:rPr lang="en-US" dirty="0"/>
              <a:t>Adjusting plans based on feedback and new information</a:t>
            </a:r>
          </a:p>
          <a:p>
            <a:pPr lvl="1"/>
            <a:r>
              <a:rPr lang="en-US" i="1" u="sng" dirty="0"/>
              <a:t>This include considering what we may discontinue or change</a:t>
            </a:r>
          </a:p>
          <a:p>
            <a:r>
              <a:rPr lang="en-US" dirty="0"/>
              <a:t>Prioritizing what we think is going to be most impactful toward our goals</a:t>
            </a:r>
          </a:p>
          <a:p>
            <a:pPr lvl="1"/>
            <a:r>
              <a:rPr lang="en-US" i="1" dirty="0"/>
              <a:t>Being conscious of our individual and team bandwidth</a:t>
            </a:r>
          </a:p>
          <a:p>
            <a:pPr lvl="1"/>
            <a:r>
              <a:rPr lang="en-US" b="1" i="1" dirty="0"/>
              <a:t>"If everything is important, then nothing is." ― Patrick Lencioni</a:t>
            </a:r>
            <a:endParaRPr lang="en-US" i="1" dirty="0"/>
          </a:p>
          <a:p>
            <a:r>
              <a:rPr lang="en-US" dirty="0"/>
              <a:t>Considering how our activities are aligned with, or could support, college-wide priorities (</a:t>
            </a:r>
            <a:r>
              <a:rPr lang="en-US" i="1" dirty="0"/>
              <a:t>connected to prioritizing</a:t>
            </a:r>
            <a:r>
              <a:rPr lang="en-US" dirty="0"/>
              <a:t>)</a:t>
            </a:r>
          </a:p>
          <a:p>
            <a:pPr lvl="1"/>
            <a:r>
              <a:rPr lang="en-US" i="1" dirty="0"/>
              <a:t> Ask: “Where can my unit’s proposed activities from this process support one or more priority?”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BCBCAD1-2CB0-45CB-B353-0B55EDB0F9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pPr/>
              <a:t>15</a:t>
            </a:fld>
            <a:endParaRPr lang="en-US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8AF88E4-6C76-4BD9-AE3A-1088818E602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82200" y="0"/>
            <a:ext cx="2018553" cy="20185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4649545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787D6022-130C-4D7E-8659-F6EEAD402A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t>16</a:t>
            </a:fld>
            <a:endParaRPr lang="en-US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9DF356CB-903D-44A5-AFE6-1A86E840CE9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09573" y="157138"/>
            <a:ext cx="10772854" cy="65437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535823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EE2B2C6-F112-423B-B6F9-5F1204544F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pPr/>
              <a:t>17</a:t>
            </a:fld>
            <a:endParaRPr lang="en-US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D9DC58B1-9342-47B9-845D-63883696270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77000" y="0"/>
            <a:ext cx="8838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6775515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B2666258-D374-46DB-8502-3423C5F2393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9295263" cy="1325563"/>
          </a:xfrm>
        </p:spPr>
        <p:txBody>
          <a:bodyPr/>
          <a:lstStyle/>
          <a:p>
            <a:r>
              <a:rPr lang="en-US" b="1" dirty="0"/>
              <a:t>Activity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8EB9DBC-CCD3-4D23-8443-170902703D1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25625"/>
            <a:ext cx="10515600" cy="3687279"/>
          </a:xfrm>
        </p:spPr>
        <p:txBody>
          <a:bodyPr/>
          <a:lstStyle/>
          <a:p>
            <a:r>
              <a:rPr lang="en-US" dirty="0"/>
              <a:t>In pairs/trios, take turns discussing the following questions</a:t>
            </a:r>
          </a:p>
          <a:p>
            <a:pPr lvl="1"/>
            <a:r>
              <a:rPr lang="en-US" dirty="0"/>
              <a:t>What </a:t>
            </a:r>
            <a:r>
              <a:rPr lang="en-US" u="sng" dirty="0"/>
              <a:t>one</a:t>
            </a:r>
            <a:r>
              <a:rPr lang="en-US" dirty="0"/>
              <a:t> thing is our unit adding, changing, or discontinuing as a result of this process?</a:t>
            </a:r>
          </a:p>
          <a:p>
            <a:pPr lvl="1"/>
            <a:r>
              <a:rPr lang="en-US" dirty="0"/>
              <a:t>Which of the college-wide priorities speaks most closely to the work of our unit and which activity(</a:t>
            </a:r>
            <a:r>
              <a:rPr lang="en-US" dirty="0" err="1"/>
              <a:t>ies</a:t>
            </a:r>
            <a:r>
              <a:rPr lang="en-US" dirty="0"/>
              <a:t>) most closely align with that.</a:t>
            </a:r>
          </a:p>
          <a:p>
            <a:pPr lvl="1"/>
            <a:r>
              <a:rPr lang="en-US" dirty="0"/>
              <a:t>What is our unit going to be prioritizing this year and next?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3265C6B-3ACB-473B-8B8F-7F454BF305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pPr/>
              <a:t>18</a:t>
            </a:fld>
            <a:endParaRPr lang="en-US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43871CC-9A93-4900-B91D-BBC49F4B9AB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82200" y="136525"/>
            <a:ext cx="1945943" cy="19459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8859756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84347BF6-6276-4ABA-9563-046AA67E7F2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86441" y="1426193"/>
            <a:ext cx="10515600" cy="4005616"/>
          </a:xfrm>
        </p:spPr>
        <p:txBody>
          <a:bodyPr anchor="ctr">
            <a:normAutofit/>
          </a:bodyPr>
          <a:lstStyle/>
          <a:p>
            <a:pPr lvl="0" algn="ctr">
              <a:lnSpc>
                <a:spcPct val="100000"/>
              </a:lnSpc>
              <a:spcBef>
                <a:spcPts val="0"/>
              </a:spcBef>
              <a:defRPr/>
            </a:pPr>
            <a:r>
              <a:rPr lang="en-US" sz="5400" dirty="0"/>
              <a:t>Last Part of Template and Incorporating into Annual Planning and Assessment Report 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2646223-B253-405D-9F5A-A477BDFEAC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pPr/>
              <a:t>1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1491676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5B0719-578E-42AB-8F5B-E01E472DF96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Agenda</a:t>
            </a:r>
          </a:p>
        </p:txBody>
      </p:sp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id="{655ADD4D-E6A0-4A82-8C08-6CB9453FC0A7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210077359"/>
              </p:ext>
            </p:extLst>
          </p:nvPr>
        </p:nvGraphicFramePr>
        <p:xfrm>
          <a:off x="838200" y="1825625"/>
          <a:ext cx="10515600" cy="3505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024529">
                  <a:extLst>
                    <a:ext uri="{9D8B030D-6E8A-4147-A177-3AD203B41FA5}">
                      <a16:colId xmlns:a16="http://schemas.microsoft.com/office/drawing/2014/main" val="288599465"/>
                    </a:ext>
                  </a:extLst>
                </a:gridCol>
                <a:gridCol w="8491071">
                  <a:extLst>
                    <a:ext uri="{9D8B030D-6E8A-4147-A177-3AD203B41FA5}">
                      <a16:colId xmlns:a16="http://schemas.microsoft.com/office/drawing/2014/main" val="374113025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Time</a:t>
                      </a:r>
                    </a:p>
                  </a:txBody>
                  <a:tcPr>
                    <a:solidFill>
                      <a:srgbClr val="203864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Agenda Item</a:t>
                      </a:r>
                    </a:p>
                  </a:txBody>
                  <a:tcPr>
                    <a:solidFill>
                      <a:srgbClr val="203864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0375225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2:30 – 2:35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Welcome and Settling I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989159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2:35 – 2:5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Debrief </a:t>
                      </a:r>
                      <a:r>
                        <a:rPr lang="en-US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external feedback conversations and discussions with divisional leaders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0411617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2:50 – 3:0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dirty="0"/>
                        <a:t>Review of guidelines for completing 2</a:t>
                      </a:r>
                      <a:r>
                        <a:rPr lang="en-US" baseline="30000" dirty="0"/>
                        <a:t>nd</a:t>
                      </a:r>
                      <a:r>
                        <a:rPr lang="en-US" dirty="0"/>
                        <a:t> part of the template documen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1454699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3:00 – 3:2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dirty="0"/>
                        <a:t>Moving toward “finalization”: adjustments, prioritization, and alignment to college priorities (Pairs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0178821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3:20 – 3:4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dirty="0"/>
                        <a:t>Guidance for finalizing the template and incorporating next steps into annual planning and assessment reporting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8588100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3:40 – 3:55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marR="0" lvl="0" indent="-2857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en-US" dirty="0"/>
                        <a:t>Celebration of Learn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1821932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3:55 – 4:0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Next Step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39190027"/>
                  </a:ext>
                </a:extLst>
              </a:tr>
            </a:tbl>
          </a:graphicData>
        </a:graphic>
      </p:graphicFrame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B65D58D-68EA-445C-B925-3BB6CDAF5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pPr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60740294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A1A2C40-5976-42ED-91E2-3AFC467BCE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t>20</a:t>
            </a:fld>
            <a:endParaRPr lang="en-US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BA7EE286-8629-4A2F-911F-9F9B6401C2A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13823" y="1"/>
            <a:ext cx="11364355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51601493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490C48-B6C9-4E7F-80BC-81DBC411842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9144000" cy="1325563"/>
          </a:xfrm>
        </p:spPr>
        <p:txBody>
          <a:bodyPr/>
          <a:lstStyle/>
          <a:p>
            <a:r>
              <a:rPr lang="en-US" dirty="0"/>
              <a:t>Guidance for Last Tab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3DD123-32F3-4A89-B7E8-6189F1D0EC7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u="sng" dirty="0"/>
              <a:t>Updated Major Unit Activities</a:t>
            </a:r>
          </a:p>
          <a:p>
            <a:pPr lvl="1"/>
            <a:r>
              <a:rPr lang="en-US" dirty="0"/>
              <a:t>Simple bulleted list of all the major activities that the unit has decided on based on the process (continuing ones and new/changed ones)</a:t>
            </a:r>
          </a:p>
          <a:p>
            <a:pPr lvl="1"/>
            <a:r>
              <a:rPr lang="en-US" dirty="0"/>
              <a:t>Discontinued activities should not show up in this list</a:t>
            </a:r>
          </a:p>
          <a:p>
            <a:pPr lvl="1"/>
            <a:r>
              <a:rPr lang="en-US" dirty="0"/>
              <a:t>On the column to the right, for each activity list approximately what AY your unit plans to engage in it (e.g. AY20-21; AY21-22)</a:t>
            </a:r>
          </a:p>
          <a:p>
            <a:r>
              <a:rPr lang="en-US" u="sng" dirty="0"/>
              <a:t>Roles and Responsibilities</a:t>
            </a:r>
          </a:p>
          <a:p>
            <a:pPr lvl="1"/>
            <a:r>
              <a:rPr lang="en-US" dirty="0"/>
              <a:t>M.O.C.H.A. Framework to help determine role clarity</a:t>
            </a:r>
          </a:p>
          <a:p>
            <a:pPr lvl="1"/>
            <a:r>
              <a:rPr lang="en-US" dirty="0"/>
              <a:t>Consider if any of the activities requires collaboration somewhere else in the college and flag that in the template</a:t>
            </a:r>
          </a:p>
          <a:p>
            <a:pPr lvl="1"/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0CFA358-B355-46E0-B9CD-203B4B0FA2D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pPr/>
              <a:t>21</a:t>
            </a:fld>
            <a:endParaRPr lang="en-US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C0A7E9D-FED2-4511-B404-C5BC5F4D90E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508435" y="0"/>
            <a:ext cx="2425148" cy="24251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0483128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737F4D30-FC2B-4728-8467-0A796ADD24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t>22</a:t>
            </a:fld>
            <a:endParaRPr lang="en-US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B04E3268-7672-4348-98B9-B0819B8FD38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32227" y="66261"/>
            <a:ext cx="11641119" cy="67917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5772008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490C48-B6C9-4E7F-80BC-81DBC411842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9144000" cy="1325563"/>
          </a:xfrm>
        </p:spPr>
        <p:txBody>
          <a:bodyPr/>
          <a:lstStyle/>
          <a:p>
            <a:r>
              <a:rPr lang="en-US" dirty="0"/>
              <a:t>Connection to Annual Repor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3DD123-32F3-4A89-B7E8-6189F1D0EC7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Activities that you flagged in the last part of the table as taking place for AY20-21 should be reflected in this year’s Annual Planning and Assessment Reporting Template Draft </a:t>
            </a:r>
            <a:r>
              <a:rPr lang="en-US" i="1" dirty="0"/>
              <a:t>(“Activities” column of Table 1</a:t>
            </a:r>
            <a:r>
              <a:rPr lang="en-US" dirty="0"/>
              <a:t>)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0CFA358-B355-46E0-B9CD-203B4B0FA2D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pPr/>
              <a:t>23</a:t>
            </a:fld>
            <a:endParaRPr lang="en-US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499A413-549C-4807-A6F0-A9E7B5BDB26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631634" y="3340998"/>
            <a:ext cx="2835965" cy="28359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17285600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282EE358-4B96-40A6-8016-0F3735B48E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t>24</a:t>
            </a:fld>
            <a:endParaRPr lang="en-US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BECA76F1-C9D1-4143-8E84-3DDAC125D33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9063" y="1"/>
            <a:ext cx="11573873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0628119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3E7C7C-B174-4E3A-B781-AFC9E43C2C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2190187"/>
            <a:ext cx="10515600" cy="2477625"/>
          </a:xfrm>
        </p:spPr>
        <p:txBody>
          <a:bodyPr>
            <a:normAutofit fontScale="90000"/>
          </a:bodyPr>
          <a:lstStyle/>
          <a:p>
            <a:pPr algn="ctr"/>
            <a:r>
              <a:rPr lang="en-US" sz="9600" dirty="0"/>
              <a:t>Celebration of Learning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2817CA7-D4AC-4253-B8BC-96E9C52501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pPr/>
              <a:t>25</a:t>
            </a:fld>
            <a:endParaRPr lang="en-US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E4CAA414-1834-432C-989E-13A740E6D48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4678" y="2945296"/>
            <a:ext cx="2438400" cy="2438400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CF36995A-9498-45CB-8B62-8EF1BFE1F5C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465365" y="-145774"/>
            <a:ext cx="2633870" cy="26338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75755109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EFBE6DB2-B083-44A8-B4BA-9A1CEE6EFC4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t>26</a:t>
            </a:fld>
            <a:endParaRPr lang="en-US"/>
          </a:p>
        </p:txBody>
      </p:sp>
      <p:sp>
        <p:nvSpPr>
          <p:cNvPr id="18" name="OTLSHAPE_SL_7a16ee25ec064ae8a6f43af33e780371_BackgroundRectangle">
            <a:extLst>
              <a:ext uri="{FF2B5EF4-FFF2-40B4-BE49-F238E27FC236}">
                <a16:creationId xmlns:a16="http://schemas.microsoft.com/office/drawing/2014/main" id="{DE16D753-5F64-48B6-8195-FDE0B873EA4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140390"/>
            <a:ext cx="11226800" cy="1365843"/>
          </a:xfrm>
          <a:prstGeom prst="rect">
            <a:avLst/>
          </a:prstGeom>
          <a:solidFill>
            <a:schemeClr val="dk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9a77385a1ad14314ad912f8926fdef8f_BackgroundRectangle">
            <a:extLst>
              <a:ext uri="{FF2B5EF4-FFF2-40B4-BE49-F238E27FC236}">
                <a16:creationId xmlns:a16="http://schemas.microsoft.com/office/drawing/2014/main" id="{BF3F6A41-AE02-4A05-BBC6-26422D932F5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569732"/>
            <a:ext cx="11226800" cy="1713230"/>
          </a:xfrm>
          <a:prstGeom prst="rect">
            <a:avLst/>
          </a:prstGeom>
          <a:solidFill>
            <a:schemeClr val="accent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_a70cdb7f477b492aa31f2aa383dccc15_BackgroundRectangle">
            <a:extLst>
              <a:ext uri="{FF2B5EF4-FFF2-40B4-BE49-F238E27FC236}">
                <a16:creationId xmlns:a16="http://schemas.microsoft.com/office/drawing/2014/main" id="{B1A2A173-3012-4B01-BC69-0792A66204A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346462"/>
            <a:ext cx="11226800" cy="790787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FA5AA5DA-7E81-4B25-A232-08CA487FAD20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4" name="OTLSHAPE_TB_00000000000000000000000000000000_RightEndCaps">
            <a:extLst>
              <a:ext uri="{FF2B5EF4-FFF2-40B4-BE49-F238E27FC236}">
                <a16:creationId xmlns:a16="http://schemas.microsoft.com/office/drawing/2014/main" id="{46E2E8C3-E5AB-4A09-85D2-A92AA73BD01A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11411034" y="399937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73" name="OTLSHAPE_TB_00000000000000000000000000000000_ScaleContainer">
            <a:extLst>
              <a:ext uri="{FF2B5EF4-FFF2-40B4-BE49-F238E27FC236}">
                <a16:creationId xmlns:a16="http://schemas.microsoft.com/office/drawing/2014/main" id="{E1662458-8A03-4322-B0B3-846DEAF56F5C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907965" y="412468"/>
            <a:ext cx="103886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7a16ee25ec064ae8a6f43af33e780371_HeaderRectangle">
            <a:extLst>
              <a:ext uri="{FF2B5EF4-FFF2-40B4-BE49-F238E27FC236}">
                <a16:creationId xmlns:a16="http://schemas.microsoft.com/office/drawing/2014/main" id="{7FCEF616-FAA7-470D-BA65-884C29144902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1140390"/>
            <a:ext cx="723900" cy="1365843"/>
          </a:xfrm>
          <a:prstGeom prst="rect">
            <a:avLst/>
          </a:prstGeom>
          <a:solidFill>
            <a:schemeClr val="dk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_9a77385a1ad14314ad912f8926fdef8f_HeaderRectangle">
            <a:extLst>
              <a:ext uri="{FF2B5EF4-FFF2-40B4-BE49-F238E27FC236}">
                <a16:creationId xmlns:a16="http://schemas.microsoft.com/office/drawing/2014/main" id="{905157A8-1BEC-4291-8B0C-9D4730AA4EFE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2569732"/>
            <a:ext cx="723900" cy="1713230"/>
          </a:xfrm>
          <a:prstGeom prst="rect">
            <a:avLst/>
          </a:prstGeom>
          <a:solidFill>
            <a:schemeClr val="accent1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SL_a70cdb7f477b492aa31f2aa383dccc15_HeaderRectangle">
            <a:extLst>
              <a:ext uri="{FF2B5EF4-FFF2-40B4-BE49-F238E27FC236}">
                <a16:creationId xmlns:a16="http://schemas.microsoft.com/office/drawing/2014/main" id="{D5A7DF78-A749-407C-972C-F9DA254EDE9F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4346462"/>
            <a:ext cx="723900" cy="790787"/>
          </a:xfrm>
          <a:prstGeom prst="rect">
            <a:avLst/>
          </a:prstGeom>
          <a:solidFill>
            <a:schemeClr val="accent2">
              <a:alpha val="4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SLT_79bf4d44b9024c2194833cc588d5ea44_Shape">
            <a:extLst>
              <a:ext uri="{FF2B5EF4-FFF2-40B4-BE49-F238E27FC236}">
                <a16:creationId xmlns:a16="http://schemas.microsoft.com/office/drawing/2014/main" id="{8934FFE5-A3B4-4AF0-8318-5C24FA421CB7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4291427" y="3385919"/>
            <a:ext cx="2032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SLT_42516f77811542168367827696af1e32_Shape">
            <a:extLst>
              <a:ext uri="{FF2B5EF4-FFF2-40B4-BE49-F238E27FC236}">
                <a16:creationId xmlns:a16="http://schemas.microsoft.com/office/drawing/2014/main" id="{41D08B9E-58D2-404D-9CE5-06382BD05524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77920" y="4041662"/>
            <a:ext cx="24257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SLT_6e49cd959d6c4a60b85b3d55961b85e7_Shape">
            <a:extLst>
              <a:ext uri="{FF2B5EF4-FFF2-40B4-BE49-F238E27FC236}">
                <a16:creationId xmlns:a16="http://schemas.microsoft.com/office/drawing/2014/main" id="{01FD4A60-3C5B-4168-8F94-D1B85363E516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964318" y="1200249"/>
            <a:ext cx="1752600" cy="127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OTLSHAPE_SLT_79bf4d44b9024c2194833cc588d5ea44_ShapePercentage" hidden="1">
            <a:extLst>
              <a:ext uri="{FF2B5EF4-FFF2-40B4-BE49-F238E27FC236}">
                <a16:creationId xmlns:a16="http://schemas.microsoft.com/office/drawing/2014/main" id="{9DA091BE-F20D-4DA0-B539-8C7DCE6E9AC7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TLSHAPE_SLT_42516f77811542168367827696af1e32_ShapePercentage" hidden="1">
            <a:extLst>
              <a:ext uri="{FF2B5EF4-FFF2-40B4-BE49-F238E27FC236}">
                <a16:creationId xmlns:a16="http://schemas.microsoft.com/office/drawing/2014/main" id="{7E03D569-6C30-4927-BDE1-01F9C66A16D0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TB_00000000000000000000000000000000_ElapsedTime">
            <a:extLst>
              <a:ext uri="{FF2B5EF4-FFF2-40B4-BE49-F238E27FC236}">
                <a16:creationId xmlns:a16="http://schemas.microsoft.com/office/drawing/2014/main" id="{6152D823-5E36-4E00-9BD1-F778F4379B15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907965" y="615668"/>
            <a:ext cx="7708900" cy="5080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M_f572dde5570d468182cbd14fbee3d8e2_Shape">
            <a:extLst>
              <a:ext uri="{FF2B5EF4-FFF2-40B4-BE49-F238E27FC236}">
                <a16:creationId xmlns:a16="http://schemas.microsoft.com/office/drawing/2014/main" id="{2CB8D922-69AA-44B2-B215-44C101CADC5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2742693" y="1663248"/>
            <a:ext cx="165100" cy="165100"/>
          </a:xfrm>
          <a:prstGeom prst="wav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M_26f798ebb4d64231b4d20f1d0886e643_Shape">
            <a:extLst>
              <a:ext uri="{FF2B5EF4-FFF2-40B4-BE49-F238E27FC236}">
                <a16:creationId xmlns:a16="http://schemas.microsoft.com/office/drawing/2014/main" id="{4F018678-86FE-48F9-8A3B-034EEBFF4B74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3814135" y="2222810"/>
            <a:ext cx="165100" cy="165100"/>
          </a:xfrm>
          <a:prstGeom prst="wav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M_70043e9450484edfa227ff1933a99eda_Shape">
            <a:extLst>
              <a:ext uri="{FF2B5EF4-FFF2-40B4-BE49-F238E27FC236}">
                <a16:creationId xmlns:a16="http://schemas.microsoft.com/office/drawing/2014/main" id="{E4D6F514-3EA6-460C-A76F-3C8B278EE5B1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081044" y="2688054"/>
            <a:ext cx="165100" cy="165100"/>
          </a:xfrm>
          <a:prstGeom prst="wav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M_b099d1a6630748ceba538861fbdc64ce_Shape">
            <a:extLst>
              <a:ext uri="{FF2B5EF4-FFF2-40B4-BE49-F238E27FC236}">
                <a16:creationId xmlns:a16="http://schemas.microsoft.com/office/drawing/2014/main" id="{1D9341FB-EFFE-451A-8A99-EE7887521AB8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208877" y="3077097"/>
            <a:ext cx="165100" cy="165100"/>
          </a:xfrm>
          <a:prstGeom prst="wav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OTLSHAPE_SLM_d3256bac4a32429e86e91fbe3f94fb2c_Shape">
            <a:extLst>
              <a:ext uri="{FF2B5EF4-FFF2-40B4-BE49-F238E27FC236}">
                <a16:creationId xmlns:a16="http://schemas.microsoft.com/office/drawing/2014/main" id="{E47CCB8B-822B-4AED-8119-1AFFD2672BBF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295370" y="3732840"/>
            <a:ext cx="165100" cy="165100"/>
          </a:xfrm>
          <a:prstGeom prst="wav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OTLSHAPE_SLM_3fb1488cae454be895866d109eb3fe2b_Shape">
            <a:extLst>
              <a:ext uri="{FF2B5EF4-FFF2-40B4-BE49-F238E27FC236}">
                <a16:creationId xmlns:a16="http://schemas.microsoft.com/office/drawing/2014/main" id="{CE494B48-5C43-4962-AA8C-00A4D4AEB5C8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8551037" y="4464784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SLM_7d80f9eaba864f4b802fbf7a0308dfc9_Shape">
            <a:extLst>
              <a:ext uri="{FF2B5EF4-FFF2-40B4-BE49-F238E27FC236}">
                <a16:creationId xmlns:a16="http://schemas.microsoft.com/office/drawing/2014/main" id="{E691B14B-8252-4721-A90D-B02866532C3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904437" y="4853827"/>
            <a:ext cx="165100" cy="165100"/>
          </a:xfrm>
          <a:prstGeom prst="wav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SLT_6e49cd959d6c4a60b85b3d55961b85e7_ShapePercentage" hidden="1">
            <a:extLst>
              <a:ext uri="{FF2B5EF4-FFF2-40B4-BE49-F238E27FC236}">
                <a16:creationId xmlns:a16="http://schemas.microsoft.com/office/drawing/2014/main" id="{98C6B38F-6D84-4136-997B-D95D71D5DABC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2700" y="127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7a16ee25ec064ae8a6f43af33e780371_Header">
            <a:extLst>
              <a:ext uri="{FF2B5EF4-FFF2-40B4-BE49-F238E27FC236}">
                <a16:creationId xmlns:a16="http://schemas.microsoft.com/office/drawing/2014/main" id="{AB1EC870-83C1-4EB1-AFB0-C9955898FC78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63500" y="1544228"/>
            <a:ext cx="723900" cy="558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pt-BR" sz="1200">
                <a:solidFill>
                  <a:srgbClr val="161C23"/>
                </a:solidFill>
                <a:latin typeface="Calibri" panose="020F0502020204030204" pitchFamily="34" charset="0"/>
              </a:rPr>
              <a:t>Intro to AES PR Process</a:t>
            </a:r>
            <a:endParaRPr lang="en-US" sz="1200">
              <a:solidFill>
                <a:srgbClr val="161C23"/>
              </a:solidFill>
              <a:latin typeface="Calibri" panose="020F0502020204030204" pitchFamily="34" charset="0"/>
            </a:endParaRPr>
          </a:p>
        </p:txBody>
      </p:sp>
      <p:sp>
        <p:nvSpPr>
          <p:cNvPr id="23" name="OTLSHAPE_SL_9a77385a1ad14314ad912f8926fdef8f_Header">
            <a:extLst>
              <a:ext uri="{FF2B5EF4-FFF2-40B4-BE49-F238E27FC236}">
                <a16:creationId xmlns:a16="http://schemas.microsoft.com/office/drawing/2014/main" id="{C337951D-C97F-4840-B0F9-4C2B9F021514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63500" y="3147265"/>
            <a:ext cx="723900" cy="558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>
                <a:solidFill>
                  <a:srgbClr val="152542"/>
                </a:solidFill>
                <a:latin typeface="Calibri" panose="020F0502020204030204" pitchFamily="34" charset="0"/>
              </a:rPr>
              <a:t>Engagement in Process</a:t>
            </a:r>
          </a:p>
        </p:txBody>
      </p:sp>
      <p:sp>
        <p:nvSpPr>
          <p:cNvPr id="26" name="OTLSHAPE_SL_a70cdb7f477b492aa31f2aa383dccc15_Header">
            <a:extLst>
              <a:ext uri="{FF2B5EF4-FFF2-40B4-BE49-F238E27FC236}">
                <a16:creationId xmlns:a16="http://schemas.microsoft.com/office/drawing/2014/main" id="{B9CAF5E8-BC5F-4409-9CCF-E34A855FEABE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3500" y="4555801"/>
            <a:ext cx="723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582707"/>
                </a:solidFill>
                <a:latin typeface="Calibri" panose="020F0502020204030204" pitchFamily="34" charset="0"/>
              </a:rPr>
              <a:t>Wrapping Up Process</a:t>
            </a:r>
          </a:p>
        </p:txBody>
      </p:sp>
      <p:sp>
        <p:nvSpPr>
          <p:cNvPr id="7" name="OTLSHAPE_TB_00000000000000000000000000000000_TodayMarkerShape">
            <a:extLst>
              <a:ext uri="{FF2B5EF4-FFF2-40B4-BE49-F238E27FC236}">
                <a16:creationId xmlns:a16="http://schemas.microsoft.com/office/drawing/2014/main" id="{737D1D4A-240D-4DAC-8C93-4DDFF6173762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573209" y="666468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SLT_79bf4d44b9024c2194833cc588d5ea44_Duration" hidden="1">
            <a:extLst>
              <a:ext uri="{FF2B5EF4-FFF2-40B4-BE49-F238E27FC236}">
                <a16:creationId xmlns:a16="http://schemas.microsoft.com/office/drawing/2014/main" id="{A047F2EF-F503-43DC-9B82-6EE6DAC6B439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6" name="OTLSHAPE_SLT_79bf4d44b9024c2194833cc588d5ea44_TextPercentage" hidden="1">
            <a:extLst>
              <a:ext uri="{FF2B5EF4-FFF2-40B4-BE49-F238E27FC236}">
                <a16:creationId xmlns:a16="http://schemas.microsoft.com/office/drawing/2014/main" id="{BB159D5C-3799-4B77-97B7-A12A184B68D8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7" name="OTLSHAPE_SLT_79bf4d44b9024c2194833cc588d5ea44_StartDate" hidden="1">
            <a:extLst>
              <a:ext uri="{FF2B5EF4-FFF2-40B4-BE49-F238E27FC236}">
                <a16:creationId xmlns:a16="http://schemas.microsoft.com/office/drawing/2014/main" id="{C31CBF4F-5035-433F-B528-18E95FECAC2D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48" name="OTLSHAPE_SLT_79bf4d44b9024c2194833cc588d5ea44_EndDate" hidden="1">
            <a:extLst>
              <a:ext uri="{FF2B5EF4-FFF2-40B4-BE49-F238E27FC236}">
                <a16:creationId xmlns:a16="http://schemas.microsoft.com/office/drawing/2014/main" id="{20AC2AE7-8F83-4A3A-99E2-65B724E528B4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6" name="OTLSHAPE_SLT_42516f77811542168367827696af1e32_Duration" hidden="1">
            <a:extLst>
              <a:ext uri="{FF2B5EF4-FFF2-40B4-BE49-F238E27FC236}">
                <a16:creationId xmlns:a16="http://schemas.microsoft.com/office/drawing/2014/main" id="{022BEF01-C113-4D94-9590-547794A8EAE7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7" name="OTLSHAPE_SLT_42516f77811542168367827696af1e32_TextPercentage" hidden="1">
            <a:extLst>
              <a:ext uri="{FF2B5EF4-FFF2-40B4-BE49-F238E27FC236}">
                <a16:creationId xmlns:a16="http://schemas.microsoft.com/office/drawing/2014/main" id="{D9EDA65A-DAFA-43BB-89C9-FFE1D4F97AFC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8" name="OTLSHAPE_SLT_42516f77811542168367827696af1e32_StartDate" hidden="1">
            <a:extLst>
              <a:ext uri="{FF2B5EF4-FFF2-40B4-BE49-F238E27FC236}">
                <a16:creationId xmlns:a16="http://schemas.microsoft.com/office/drawing/2014/main" id="{EE4E58F7-D1AE-4CE8-8585-764D3AF8CAF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59" name="OTLSHAPE_SLT_42516f77811542168367827696af1e32_EndDate" hidden="1">
            <a:extLst>
              <a:ext uri="{FF2B5EF4-FFF2-40B4-BE49-F238E27FC236}">
                <a16:creationId xmlns:a16="http://schemas.microsoft.com/office/drawing/2014/main" id="{D34AE7CF-A7F3-4430-BCE8-13F21223250F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8" name="OTLSHAPE_TB_00000000000000000000000000000000_TodayMarkerText">
            <a:extLst>
              <a:ext uri="{FF2B5EF4-FFF2-40B4-BE49-F238E27FC236}">
                <a16:creationId xmlns:a16="http://schemas.microsoft.com/office/drawing/2014/main" id="{DA36FBA6-55C4-403D-93CD-CF86CABDE7F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8429367" y="751135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" name="OTLSHAPE_TB_00000000000000000000000000000000_TimescaleInterval1">
            <a:extLst>
              <a:ext uri="{FF2B5EF4-FFF2-40B4-BE49-F238E27FC236}">
                <a16:creationId xmlns:a16="http://schemas.microsoft.com/office/drawing/2014/main" id="{E9BB657D-4EA4-4EE7-BE30-52F7B824C669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971465" y="450568"/>
            <a:ext cx="24205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1" name="OTLSHAPE_TB_00000000000000000000000000000000_TimescaleInterval2">
            <a:extLst>
              <a:ext uri="{FF2B5EF4-FFF2-40B4-BE49-F238E27FC236}">
                <a16:creationId xmlns:a16="http://schemas.microsoft.com/office/drawing/2014/main" id="{5F6B5566-24BE-41E5-9047-B5CC377D757F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719608" y="450568"/>
            <a:ext cx="22762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3" name="OTLSHAPE_TB_00000000000000000000000000000000_TimescaleInterval3">
            <a:extLst>
              <a:ext uri="{FF2B5EF4-FFF2-40B4-BE49-F238E27FC236}">
                <a16:creationId xmlns:a16="http://schemas.microsoft.com/office/drawing/2014/main" id="{597BBB48-8058-41C4-A637-9A63F0111088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4411358" y="450568"/>
            <a:ext cx="21114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5" name="OTLSHAPE_TB_00000000000000000000000000000000_TimescaleInterval4">
            <a:extLst>
              <a:ext uri="{FF2B5EF4-FFF2-40B4-BE49-F238E27FC236}">
                <a16:creationId xmlns:a16="http://schemas.microsoft.com/office/drawing/2014/main" id="{B22C44DC-FA79-4438-B094-D9F662017BE4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6159500" y="450568"/>
            <a:ext cx="24936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17" name="OTLSHAPE_TB_00000000000000000000000000000000_TimescaleInterval5">
            <a:extLst>
              <a:ext uri="{FF2B5EF4-FFF2-40B4-BE49-F238E27FC236}">
                <a16:creationId xmlns:a16="http://schemas.microsoft.com/office/drawing/2014/main" id="{DEF28F89-E6C9-42A5-8CFD-7EB4D4BE4587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7851251" y="450568"/>
            <a:ext cx="237244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32" name="OTLSHAPE_SLM_f572dde5570d468182cbd14fbee3d8e2_Title">
            <a:extLst>
              <a:ext uri="{FF2B5EF4-FFF2-40B4-BE49-F238E27FC236}">
                <a16:creationId xmlns:a16="http://schemas.microsoft.com/office/drawing/2014/main" id="{B0D09B93-7E7A-4BE2-A6A9-41B703692545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548893" y="1412508"/>
            <a:ext cx="11430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Introduction of Redesigned Process to AES Unit Leaders</a:t>
            </a:r>
          </a:p>
        </p:txBody>
      </p:sp>
      <p:sp>
        <p:nvSpPr>
          <p:cNvPr id="33" name="OTLSHAPE_SLM_f572dde5570d468182cbd14fbee3d8e2_Date">
            <a:extLst>
              <a:ext uri="{FF2B5EF4-FFF2-40B4-BE49-F238E27FC236}">
                <a16:creationId xmlns:a16="http://schemas.microsoft.com/office/drawing/2014/main" id="{1492B21D-792F-449D-9B45-181A941853D7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2410546" y="192406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3</a:t>
            </a:r>
          </a:p>
        </p:txBody>
      </p:sp>
      <p:sp>
        <p:nvSpPr>
          <p:cNvPr id="35" name="OTLSHAPE_SLM_26f798ebb4d64231b4d20f1d0886e643_Title">
            <a:extLst>
              <a:ext uri="{FF2B5EF4-FFF2-40B4-BE49-F238E27FC236}">
                <a16:creationId xmlns:a16="http://schemas.microsoft.com/office/drawing/2014/main" id="{549AA9B9-DCAD-4C5B-8F9E-DA11EF48CDAA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1786411" y="2142589"/>
            <a:ext cx="198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AES Pr Process Webinar to College</a:t>
            </a:r>
          </a:p>
        </p:txBody>
      </p:sp>
      <p:sp>
        <p:nvSpPr>
          <p:cNvPr id="36" name="OTLSHAPE_SLM_26f798ebb4d64231b4d20f1d0886e643_Date">
            <a:extLst>
              <a:ext uri="{FF2B5EF4-FFF2-40B4-BE49-F238E27FC236}">
                <a16:creationId xmlns:a16="http://schemas.microsoft.com/office/drawing/2014/main" id="{8196B03B-623D-4564-97F8-B309DD3AEBA6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3417599" y="2313107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22</a:t>
            </a:r>
          </a:p>
        </p:txBody>
      </p:sp>
      <p:sp>
        <p:nvSpPr>
          <p:cNvPr id="38" name="OTLSHAPE_SLM_70043e9450484edfa227ff1933a99eda_Title">
            <a:extLst>
              <a:ext uri="{FF2B5EF4-FFF2-40B4-BE49-F238E27FC236}">
                <a16:creationId xmlns:a16="http://schemas.microsoft.com/office/drawing/2014/main" id="{92B5FB2B-917B-441E-B763-6CCAF0474671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941009" y="2607832"/>
            <a:ext cx="209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First Introduction to AY20-21 Cohort</a:t>
            </a:r>
          </a:p>
        </p:txBody>
      </p:sp>
      <p:sp>
        <p:nvSpPr>
          <p:cNvPr id="39" name="OTLSHAPE_SLM_70043e9450484edfa227ff1933a99eda_Date">
            <a:extLst>
              <a:ext uri="{FF2B5EF4-FFF2-40B4-BE49-F238E27FC236}">
                <a16:creationId xmlns:a16="http://schemas.microsoft.com/office/drawing/2014/main" id="{C4D97543-6DCF-4289-B9E5-4F43A4CD4CB6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2748896" y="277835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9</a:t>
            </a:r>
          </a:p>
        </p:txBody>
      </p:sp>
      <p:sp>
        <p:nvSpPr>
          <p:cNvPr id="41" name="OTLSHAPE_SLM_b099d1a6630748ceba538861fbdc64ce_Title">
            <a:extLst>
              <a:ext uri="{FF2B5EF4-FFF2-40B4-BE49-F238E27FC236}">
                <a16:creationId xmlns:a16="http://schemas.microsoft.com/office/drawing/2014/main" id="{802AD8D1-831C-4025-BAD2-A17F68B6B57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2963939" y="2996876"/>
            <a:ext cx="1206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First Cohort Meeting</a:t>
            </a:r>
          </a:p>
        </p:txBody>
      </p:sp>
      <p:sp>
        <p:nvSpPr>
          <p:cNvPr id="42" name="OTLSHAPE_SLM_b099d1a6630748ceba538861fbdc64ce_Date">
            <a:extLst>
              <a:ext uri="{FF2B5EF4-FFF2-40B4-BE49-F238E27FC236}">
                <a16:creationId xmlns:a16="http://schemas.microsoft.com/office/drawing/2014/main" id="{3D5A2059-4F1B-43C2-9D7A-77E9C4BF772C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812341" y="3167394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Sep 29</a:t>
            </a:r>
          </a:p>
        </p:txBody>
      </p:sp>
      <p:sp>
        <p:nvSpPr>
          <p:cNvPr id="49" name="OTLSHAPE_SLT_79bf4d44b9024c2194833cc588d5ea44_Title">
            <a:extLst>
              <a:ext uri="{FF2B5EF4-FFF2-40B4-BE49-F238E27FC236}">
                <a16:creationId xmlns:a16="http://schemas.microsoft.com/office/drawing/2014/main" id="{6119ADFA-A5B1-4DA0-99AC-4A8F3949C44D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527696" y="3402259"/>
            <a:ext cx="2717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hase 1 - Review of Information and Reflection</a:t>
            </a:r>
          </a:p>
        </p:txBody>
      </p:sp>
      <p:sp>
        <p:nvSpPr>
          <p:cNvPr id="50" name="OTLSHAPE_SLT_79bf4d44b9024c2194833cc588d5ea44_JoinedDate">
            <a:extLst>
              <a:ext uri="{FF2B5EF4-FFF2-40B4-BE49-F238E27FC236}">
                <a16:creationId xmlns:a16="http://schemas.microsoft.com/office/drawing/2014/main" id="{0D028D74-D040-4DD5-B5F9-45F863B994F5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6372328" y="3410007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Sep 29 - Nov 4</a:t>
            </a:r>
          </a:p>
        </p:txBody>
      </p:sp>
      <p:sp>
        <p:nvSpPr>
          <p:cNvPr id="52" name="OTLSHAPE_SLM_d3256bac4a32429e86e91fbe3f94fb2c_Title">
            <a:extLst>
              <a:ext uri="{FF2B5EF4-FFF2-40B4-BE49-F238E27FC236}">
                <a16:creationId xmlns:a16="http://schemas.microsoft.com/office/drawing/2014/main" id="{06BD6F30-8000-4EF0-ACBF-BBEA362A695F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4880209" y="3652619"/>
            <a:ext cx="137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Second Cohort Meeting</a:t>
            </a:r>
          </a:p>
        </p:txBody>
      </p:sp>
      <p:sp>
        <p:nvSpPr>
          <p:cNvPr id="53" name="OTLSHAPE_SLM_d3256bac4a32429e86e91fbe3f94fb2c_Date">
            <a:extLst>
              <a:ext uri="{FF2B5EF4-FFF2-40B4-BE49-F238E27FC236}">
                <a16:creationId xmlns:a16="http://schemas.microsoft.com/office/drawing/2014/main" id="{DE6304A5-96AE-473D-809B-222B79D4B964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5945696" y="3823138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Nov 5</a:t>
            </a:r>
          </a:p>
        </p:txBody>
      </p:sp>
      <p:sp>
        <p:nvSpPr>
          <p:cNvPr id="60" name="OTLSHAPE_SLT_42516f77811542168367827696af1e32_Title">
            <a:extLst>
              <a:ext uri="{FF2B5EF4-FFF2-40B4-BE49-F238E27FC236}">
                <a16:creationId xmlns:a16="http://schemas.microsoft.com/office/drawing/2014/main" id="{A3599804-EB6A-4870-A871-CCE4B405CA04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4718538" y="4058003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2">
                <a:solidFill>
                  <a:schemeClr val="dk1"/>
                </a:solidFill>
                <a:latin typeface="Calibri" panose="020F0502020204030204" pitchFamily="34" charset="0"/>
              </a:rPr>
              <a:t>Phase 2 - External Feedback</a:t>
            </a:r>
          </a:p>
        </p:txBody>
      </p:sp>
      <p:sp>
        <p:nvSpPr>
          <p:cNvPr id="61" name="OTLSHAPE_SLT_42516f77811542168367827696af1e32_JoinedDate">
            <a:extLst>
              <a:ext uri="{FF2B5EF4-FFF2-40B4-BE49-F238E27FC236}">
                <a16:creationId xmlns:a16="http://schemas.microsoft.com/office/drawing/2014/main" id="{55F05A10-B2A7-483C-BD49-FC2F752D5CA0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8853562" y="406575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Nov 5 - Dec 18</a:t>
            </a:r>
          </a:p>
        </p:txBody>
      </p:sp>
      <p:sp>
        <p:nvSpPr>
          <p:cNvPr id="63" name="OTLSHAPE_SLM_3fb1488cae454be895866d109eb3fe2b_Title">
            <a:extLst>
              <a:ext uri="{FF2B5EF4-FFF2-40B4-BE49-F238E27FC236}">
                <a16:creationId xmlns:a16="http://schemas.microsoft.com/office/drawing/2014/main" id="{B5F6F069-D30F-4DAF-900C-720254A11667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7324471" y="4384562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Last Cohort Meeting</a:t>
            </a:r>
          </a:p>
        </p:txBody>
      </p:sp>
      <p:sp>
        <p:nvSpPr>
          <p:cNvPr id="64" name="OTLSHAPE_SLM_3fb1488cae454be895866d109eb3fe2b_Date">
            <a:extLst>
              <a:ext uri="{FF2B5EF4-FFF2-40B4-BE49-F238E27FC236}">
                <a16:creationId xmlns:a16="http://schemas.microsoft.com/office/drawing/2014/main" id="{087E216E-9513-4CEF-A493-2B241837AE0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8147685" y="4555081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15</a:t>
            </a:r>
          </a:p>
        </p:txBody>
      </p:sp>
      <p:sp>
        <p:nvSpPr>
          <p:cNvPr id="66" name="OTLSHAPE_SLM_7d80f9eaba864f4b802fbf7a0308dfc9_Title">
            <a:extLst>
              <a:ext uri="{FF2B5EF4-FFF2-40B4-BE49-F238E27FC236}">
                <a16:creationId xmlns:a16="http://schemas.microsoft.com/office/drawing/2014/main" id="{F00F3A61-60D9-4B59-892D-F3E0FAA0BAC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885728" y="4773606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nal Submission</a:t>
            </a:r>
          </a:p>
        </p:txBody>
      </p:sp>
      <p:sp>
        <p:nvSpPr>
          <p:cNvPr id="67" name="OTLSHAPE_SLM_7d80f9eaba864f4b802fbf7a0308dfc9_Date">
            <a:extLst>
              <a:ext uri="{FF2B5EF4-FFF2-40B4-BE49-F238E27FC236}">
                <a16:creationId xmlns:a16="http://schemas.microsoft.com/office/drawing/2014/main" id="{07927370-0CF3-480B-95D3-6BF9E80B35AA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9592483" y="494412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an 8</a:t>
            </a:r>
          </a:p>
        </p:txBody>
      </p:sp>
      <p:sp>
        <p:nvSpPr>
          <p:cNvPr id="75" name="OTLSHAPE_TB_00000000000000000000000000000000_ScaleMarking1">
            <a:extLst>
              <a:ext uri="{FF2B5EF4-FFF2-40B4-BE49-F238E27FC236}">
                <a16:creationId xmlns:a16="http://schemas.microsoft.com/office/drawing/2014/main" id="{FFB7D963-2CA1-420C-8537-48166EE38E25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71465" y="22641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76" name="OTLSHAPE_TB_00000000000000000000000000000000_ScaleMarking2">
            <a:extLst>
              <a:ext uri="{FF2B5EF4-FFF2-40B4-BE49-F238E27FC236}">
                <a16:creationId xmlns:a16="http://schemas.microsoft.com/office/drawing/2014/main" id="{F2C45113-40C6-40A2-A55D-8764B9928226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9599393" y="22641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dk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77" name="OTLSHAPE_TB_00000000000000000000000000000000_TimescaleInterval6">
            <a:extLst>
              <a:ext uri="{FF2B5EF4-FFF2-40B4-BE49-F238E27FC236}">
                <a16:creationId xmlns:a16="http://schemas.microsoft.com/office/drawing/2014/main" id="{EF765DE6-963C-451E-AB13-3A3EF9B9909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599393" y="450568"/>
            <a:ext cx="203582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83" name="OTLSHAPE_SLT_6e49cd959d6c4a60b85b3d55961b85e7_Duration" hidden="1">
            <a:extLst>
              <a:ext uri="{FF2B5EF4-FFF2-40B4-BE49-F238E27FC236}">
                <a16:creationId xmlns:a16="http://schemas.microsoft.com/office/drawing/2014/main" id="{11C89EEF-00B7-4C60-BEDB-60634B300CF9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84" name="OTLSHAPE_SLT_6e49cd959d6c4a60b85b3d55961b85e7_TextPercentage" hidden="1">
            <a:extLst>
              <a:ext uri="{FF2B5EF4-FFF2-40B4-BE49-F238E27FC236}">
                <a16:creationId xmlns:a16="http://schemas.microsoft.com/office/drawing/2014/main" id="{83FB217D-BEE1-4A2B-A15D-C40183515D1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85" name="OTLSHAPE_SLT_6e49cd959d6c4a60b85b3d55961b85e7_StartDate" hidden="1">
            <a:extLst>
              <a:ext uri="{FF2B5EF4-FFF2-40B4-BE49-F238E27FC236}">
                <a16:creationId xmlns:a16="http://schemas.microsoft.com/office/drawing/2014/main" id="{D1562990-D550-447B-9012-F6D1E2267BE9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86" name="OTLSHAPE_SLT_6e49cd959d6c4a60b85b3d55961b85e7_EndDate" hidden="1">
            <a:extLst>
              <a:ext uri="{FF2B5EF4-FFF2-40B4-BE49-F238E27FC236}">
                <a16:creationId xmlns:a16="http://schemas.microsoft.com/office/drawing/2014/main" id="{7861C630-DDB4-405E-BA3F-81C57471B541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" y="12700"/>
            <a:ext cx="0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/>
          </a:p>
        </p:txBody>
      </p:sp>
      <p:sp>
        <p:nvSpPr>
          <p:cNvPr id="87" name="OTLSHAPE_SLT_6e49cd959d6c4a60b85b3d55961b85e7_JoinedDate">
            <a:extLst>
              <a:ext uri="{FF2B5EF4-FFF2-40B4-BE49-F238E27FC236}">
                <a16:creationId xmlns:a16="http://schemas.microsoft.com/office/drawing/2014/main" id="{D4E66443-18C4-4CB7-8A2D-E8CF45134BD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42831" y="1186237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2"/>
                </a:solidFill>
                <a:latin typeface="Calibri" panose="020F0502020204030204" pitchFamily="34" charset="0"/>
              </a:rPr>
              <a:t>Aug 1 - Sep 1</a:t>
            </a:r>
          </a:p>
        </p:txBody>
      </p:sp>
      <p:sp>
        <p:nvSpPr>
          <p:cNvPr id="88" name="OTLSHAPE_SLT_6e49cd959d6c4a60b85b3d55961b85e7_Title">
            <a:extLst>
              <a:ext uri="{FF2B5EF4-FFF2-40B4-BE49-F238E27FC236}">
                <a16:creationId xmlns:a16="http://schemas.microsoft.com/office/drawing/2014/main" id="{24FE6ED4-BCA0-4571-966A-BDC1CD2F3E86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763260" y="1178490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nalization of Proces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04318940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0AB9438D-9333-4833-88B0-4EE751C009B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flection and Learning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6EFB1017-4EA1-4FDC-BFD1-228326232C0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2006221"/>
            <a:ext cx="10515600" cy="3248167"/>
          </a:xfrm>
        </p:spPr>
        <p:txBody>
          <a:bodyPr anchor="ctr">
            <a:normAutofit/>
          </a:bodyPr>
          <a:lstStyle/>
          <a:p>
            <a:pPr marL="0" indent="0" algn="ctr">
              <a:buNone/>
            </a:pPr>
            <a:r>
              <a:rPr lang="en-US" sz="6000" dirty="0"/>
              <a:t>What one key thing did you learn about your unit throughout this process?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BCD7D6A-5710-4A5A-A269-B25958E90A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t>27</a:t>
            </a:fld>
            <a:endParaRPr lang="en-US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88E9FFE7-094B-4E50-B2BE-6CC52477397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137176" y="-108045"/>
            <a:ext cx="2843284" cy="28432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63334476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7BDFA0B-B3EE-418E-BB0E-7D8B79C3BF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Next Step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43D82F-DC9F-4A8E-92BD-41C5695B94F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Have your final conversations (if not yet done)</a:t>
            </a:r>
          </a:p>
          <a:p>
            <a:r>
              <a:rPr lang="en-US" dirty="0"/>
              <a:t>Dereck to share final guidance by </a:t>
            </a:r>
            <a:r>
              <a:rPr lang="en-US" b="1" dirty="0"/>
              <a:t>end of December</a:t>
            </a:r>
          </a:p>
          <a:p>
            <a:r>
              <a:rPr lang="en-US" dirty="0"/>
              <a:t>Final template due to Dereck by </a:t>
            </a:r>
            <a:r>
              <a:rPr lang="en-US" b="1" dirty="0"/>
              <a:t>January 8</a:t>
            </a:r>
            <a:r>
              <a:rPr lang="en-US" b="1" baseline="30000" dirty="0"/>
              <a:t>th</a:t>
            </a:r>
            <a:r>
              <a:rPr lang="en-US" b="1" dirty="0"/>
              <a:t>, 2021</a:t>
            </a:r>
            <a:endParaRPr lang="en-US" dirty="0"/>
          </a:p>
          <a:p>
            <a:r>
              <a:rPr lang="en-US" dirty="0"/>
              <a:t>Completed templates will be shared with Institutional Effectiveness Committee (IEC) and Divisional VPs</a:t>
            </a:r>
          </a:p>
          <a:p>
            <a:r>
              <a:rPr lang="en-US" dirty="0"/>
              <a:t>College-wide sharing/celebration of summary learnings from the process (</a:t>
            </a:r>
            <a:r>
              <a:rPr lang="en-US" b="1" dirty="0"/>
              <a:t>end of January</a:t>
            </a:r>
            <a:r>
              <a:rPr lang="en-US" dirty="0"/>
              <a:t>)</a:t>
            </a:r>
          </a:p>
          <a:p>
            <a:pPr lvl="1"/>
            <a:r>
              <a:rPr lang="en-US" i="1" dirty="0"/>
              <a:t>Dereck will reach back out to cohort for suggestions/idea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DB3765D-2A6A-409C-A418-615DB627FC4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pPr/>
              <a:t>2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07092738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C6EDBBA-7134-4F0C-A16A-0DECDFDF63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algn="ctr"/>
            <a:r>
              <a:rPr lang="en-US" sz="9600" b="1" dirty="0"/>
              <a:t>Thank You!</a:t>
            </a:r>
            <a:endParaRPr lang="en-US" sz="7200" b="1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2B9E933-3A87-4D09-966A-A641BF665CE2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6655D6-B4C6-4FF9-9B52-1BB342419C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868039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3E7C7C-B174-4E3A-B781-AFC9E43C2C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374591"/>
            <a:ext cx="10515600" cy="1436798"/>
          </a:xfrm>
        </p:spPr>
        <p:txBody>
          <a:bodyPr>
            <a:normAutofit/>
          </a:bodyPr>
          <a:lstStyle/>
          <a:p>
            <a:pPr algn="ctr"/>
            <a:r>
              <a:rPr lang="en-US" sz="8000" dirty="0"/>
              <a:t>Recording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2817CA7-D4AC-4253-B8BC-96E9C52501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pPr/>
              <a:t>3</a:t>
            </a:fld>
            <a:endParaRPr lang="en-US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E2D820E6-D8CA-4F3E-9076-303162A3FE3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114426" y="2275540"/>
            <a:ext cx="3950447" cy="39504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690684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1BF5847F-F841-45C4-BCFD-7096B2279F4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94858"/>
            <a:ext cx="10515600" cy="1325563"/>
          </a:xfrm>
        </p:spPr>
        <p:txBody>
          <a:bodyPr/>
          <a:lstStyle/>
          <a:p>
            <a:r>
              <a:rPr lang="en-US" dirty="0"/>
              <a:t>Meeting Objectives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2ED91DC9-8237-4CBA-A194-48C45BE310D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415729"/>
            <a:ext cx="10515600" cy="4351338"/>
          </a:xfrm>
        </p:spPr>
        <p:txBody>
          <a:bodyPr/>
          <a:lstStyle/>
          <a:p>
            <a:pPr marL="0" indent="0" fontAlgn="base">
              <a:buNone/>
            </a:pPr>
            <a:r>
              <a:rPr lang="en-US" dirty="0"/>
              <a:t>AES Unit Leaders will . . .</a:t>
            </a:r>
          </a:p>
          <a:p>
            <a:pPr lvl="0"/>
            <a:r>
              <a:rPr lang="en-US" dirty="0"/>
              <a:t>Unpack what worked or didn’t with discussions and walk away with lessons learned for the future</a:t>
            </a:r>
          </a:p>
          <a:p>
            <a:pPr lvl="0"/>
            <a:r>
              <a:rPr lang="en-US" dirty="0"/>
              <a:t>Be able to finalize AES PR Template document</a:t>
            </a:r>
          </a:p>
          <a:p>
            <a:r>
              <a:rPr lang="en-US" dirty="0"/>
              <a:t>Know where and when the finalized document should be housed</a:t>
            </a:r>
          </a:p>
          <a:p>
            <a:r>
              <a:rPr lang="en-US" dirty="0"/>
              <a:t>Have a strategy for incorporating next steps into the annual planning and assessment reporting template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D89C471-9CBD-4D9F-A959-974A0960EC2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pPr/>
              <a:t>4</a:t>
            </a:fld>
            <a:endParaRPr lang="en-US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D9554E06-9121-4ECB-9BE1-AB044B0F924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82200" y="0"/>
            <a:ext cx="2018553" cy="20185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468164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84347BF6-6276-4ABA-9563-046AA67E7F2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829374"/>
            <a:ext cx="10515600" cy="2852737"/>
          </a:xfrm>
        </p:spPr>
        <p:txBody>
          <a:bodyPr>
            <a:normAutofit fontScale="90000"/>
          </a:bodyPr>
          <a:lstStyle/>
          <a:p>
            <a:pPr algn="ctr"/>
            <a:r>
              <a:rPr lang="en-US" sz="8800" dirty="0"/>
              <a:t>Debrief Feedback Conversation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2646223-B253-405D-9F5A-A477BDFEAC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pPr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013386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3AD5690B-E08E-4AAE-A21D-C079B23CDE3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ebrief Question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AA06C9A-9CD4-4579-B0A0-7ACF4CBAC5F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577009"/>
            <a:ext cx="10515600" cy="3816626"/>
          </a:xfrm>
        </p:spPr>
        <p:txBody>
          <a:bodyPr>
            <a:normAutofit fontScale="92500" lnSpcReduction="10000"/>
          </a:bodyPr>
          <a:lstStyle/>
          <a:p>
            <a:r>
              <a:rPr lang="en-US" sz="4800" dirty="0"/>
              <a:t>How was the overall experience?</a:t>
            </a:r>
          </a:p>
          <a:p>
            <a:r>
              <a:rPr lang="en-US" sz="4800" dirty="0"/>
              <a:t>What was helpful about your feedback conversations?</a:t>
            </a:r>
          </a:p>
          <a:p>
            <a:r>
              <a:rPr lang="en-US" sz="4800" dirty="0"/>
              <a:t>Did you walk away with what you were looking for? If not, what do you think might have helped?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3FCBB8C-8592-4DB0-B44A-B4E960AB4C0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t>6</a:t>
            </a:fld>
            <a:endParaRPr lang="en-US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B26DE27-C148-4F44-ADE6-F078E4F8828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82200" y="0"/>
            <a:ext cx="2117034" cy="21170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2302418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2C6EDBBA-7134-4F0C-A16A-0DECDFDF63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149373"/>
            <a:ext cx="10515600" cy="4559253"/>
          </a:xfrm>
        </p:spPr>
        <p:txBody>
          <a:bodyPr anchor="ctr">
            <a:noAutofit/>
          </a:bodyPr>
          <a:lstStyle/>
          <a:p>
            <a:pPr algn="ctr"/>
            <a:r>
              <a:rPr lang="en-US" sz="8000" b="1" dirty="0"/>
              <a:t>Review of 2</a:t>
            </a:r>
            <a:r>
              <a:rPr lang="en-US" sz="8000" b="1" baseline="30000" dirty="0"/>
              <a:t>nd</a:t>
            </a:r>
            <a:r>
              <a:rPr lang="en-US" sz="8000" b="1" dirty="0"/>
              <a:t> Part of Template Document</a:t>
            </a:r>
            <a:endParaRPr lang="en-US" b="1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6655D6-B4C6-4FF9-9B52-1BB342419C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0955589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DAF73B4-99D3-4139-9CD3-0C38815ACE4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t>8</a:t>
            </a:fld>
            <a:endParaRPr lang="en-US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DF1AA06A-8BEB-46BC-A648-76A49B0C354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204077" y="54591"/>
            <a:ext cx="7846810" cy="68034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5994860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B2666258-D374-46DB-8502-3423C5F2393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dirty="0"/>
              <a:t>Goals for Completing 2nd Part of Template Document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8EB9DBC-CCD3-4D23-8443-170902703D1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b="1" dirty="0"/>
              <a:t>Summary assessment of past and current activities 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/>
              <a:t>Captures where your unit landed with your assessment of the impact of your major activities</a:t>
            </a:r>
          </a:p>
          <a:p>
            <a:pPr marL="514350" indent="-514350">
              <a:buFont typeface="+mj-lt"/>
              <a:buAutoNum type="arabicPeriod"/>
            </a:pPr>
            <a:r>
              <a:rPr lang="en-US" dirty="0"/>
              <a:t>Provides a brief statement of what evidence you used to make the determination</a:t>
            </a:r>
          </a:p>
          <a:p>
            <a:pPr marL="0" indent="0">
              <a:buNone/>
            </a:pPr>
            <a:r>
              <a:rPr lang="en-US" sz="2000" i="1" dirty="0"/>
              <a:t>E.g. our unit looked at our data related to activity X and realized that the attendance at these events has actually increased over the past few years (by 30%); feedback from exit surveys also seem to suggest that we’re meeting the objectives of the events. We determined this activity is impactful toward our goals.</a:t>
            </a:r>
          </a:p>
          <a:p>
            <a:pPr marL="514350" indent="-514350">
              <a:buFont typeface="+mj-lt"/>
              <a:buAutoNum type="arabicPeriod"/>
            </a:pPr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3265C6B-3ACB-473B-8B8F-7F454BF3055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D632B81-75F1-5244-BCEB-6734F00DE0EE}" type="slidenum">
              <a:rPr lang="en-US" smtClean="0"/>
              <a:pPr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4499102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IuMCIsIk9yaWdpbmFsQXNzZW1ibHlWZXJzaW9uIjoiNC4wMy4wNS4wMCIsIkVkaXRpb24iOiJGcmVlIiwiSXNQbHVzRWRpdGlvbiI6ZmFsc2UsIklzUHJvRWRpdGlvbiI6ZmFsc2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U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IsIlRvZGF5TWFya2VyUG9zaXRpb24iOjMsIlF1aWNrUG9zaXRpb24iOjMsIkFic29sdXRlUG9zaXRpb24iOjMyLjQ3Nzc4MzI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lBvc2l0aW9uT25UYXNrIjow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AsIkciOjExNCwiQiI6MTg4fX0sIklzVmlzaWJsZSI6dHJ1ZSwiV2lkdGgiOjEzLjAsIkhlaWdodCI6MTM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DYWxpYnJpIiwiSXNCb2xkIjp0cnVlLCJJc0l0YWxpYyI6ZmFsc2UsIklzVW5kZXJsaW5lZCI6ZmFsc2UsIlBhcmVudFN0eWxlIjpudWxsfSwiQXV0b1NpemUiOjAsIkZvcmVncm91bmQiOnsiJGlkIjoiNjkiLCJDb2xvciI6eyIkaWQiOiI3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iIsIlNoYXBlIjoxLCJTaGFwZVRoaWNrbmVzcyI6MCwiRHVyYXRpb25Gb3JtYXQiOjAsIkluY2x1ZGVOb25Xb3JraW5nRGF5c0luRHVyYXRpb24iOmZhbHNlLCJQZXJjZW50YWdlQ29tcGxl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w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OTciLCJMaW5lQ29sb3IiOm51bGwsIkxpbmVXZWlnaHQiOjAuMCwiTGluZVR5cGUiOjAsIlBhcmVudFN0eWxlIjpudWxsfSwiUGFyZW50U3R5bGUiOm51bGx9LCJEdXJhdGlvblN0eWxlIjp7IiRpZCI6IjE5OCIsIkZvbnRTZXR0aW5ncyI6eyIkaWQiOiIxOT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wMCIsIkxpbmVDb2xvciI6bnVsbCwiTGluZVdlaWdodCI6MC4wLCJMaW5lVHlwZSI6MCwiUGFyZW50U3R5bGUiOm51bGx9LCJQYXJlbnRTdHlsZSI6bnVsbH0sIkhvcml6b250YWxDb25uZWN0b3JTdHlsZSI6eyIkaWQiOiIyMDEiLCJMaW5lQ29sb3IiOnsiJHJlZiI6Ijk4In0sIkxpbmVXZWlnaHQiOjEuMCwiTGluZVR5cGUiOjAsIlBhcmVudFN0eWxlIjpudWxsfSwiVmVydGljYWxDb25uZWN0b3JTdHlsZSI6eyIkaWQiOiIyMDIiLCJMaW5lQ29sb3IiOnsiJHJlZiI6IjEwMS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jAzIiwiTWFyZ2luIjp7IiRyZWYiOiIxMDQifSwiUGFkZGluZyI6eyIkcmVmIjoiMTA1In0sIkJhY2tncm91bmQiOnsiJGlkIjoiMjA0IiwiQ29sb3IiOnsiJGlkIjoiMjA1IiwiQSI6MjU1LCJSIjo2OCwiRyI6MTE0LCJCIjoxOTZ9fSwiSXNWaXNpYmxlIjp0cnVlLCJXaWR0aCI6MC4wLCJIZWlnaHQiOjEwLjAsIkJvcmRlclN0eWxlIjp7IiRpZCI6IjIwNiIsIkxpbmVDb2xvciI6eyIkcmVmIjoiMTA5In0sIkxpbmVXZWlnaHQiOjAuMCwiTGluZVR5cGUiOjAsIlBhcmVudFN0eWxlIjpudWxsfSwiUGFyZW50U3R5bGUiOm51bGx9LCJUaXRsZVN0eWxlIjp7IiRpZCI6IjIwNyIsIkZvbnRTZXR0aW5ncyI6eyIkaWQiOiIyMDg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wOSIsIkxpbmVDb2xvciI6bnVsbCwiTGluZVdlaWdodCI6MC4wLCJMaW5lVHlwZSI6MCwiUGFyZW50U3R5bGUiOm51bGx9LCJQYXJlbnRTdHlsZSI6bnVsbH0sIkRhdGVTdHlsZSI6eyIkaWQiOiIyMTAiLCJGb250U2V0dGluZ3MiOnsiJGlkIjoiMjEx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y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zYiLCJUb3AiOjAsIkxlZnQiOjAsIlJpZ2h0IjowLCJCb3R0b20iOjB9LCJQYWRkaW5nIjp7IiRpZCI6IjIzNyIsIlRvcCI6MCwiTGVmdCI6MCwiUmlnaHQiOjAsIkJvdHRvbSI6MH0sIkJhY2tncm91bmQiOnsiJGlkIjoiMjM4IiwiQ29sb3IiOnsiJGlkIjoiMjM5IiwiQSI6MCwiUiI6MjU1LCJHIjoyNTUsIkIiOjI1NX19LCJJc1Zpc2libGUiOnRydWUsIldpZHRoIjowLjAsIkhlaWdodCI6MC4wLCJCb3JkZXJTdHlsZSI6bnVsbCwiUGFyZW50U3R5bGUiOm51bGx9LCJEYXRlRm9ybWF0Ijp7IiRpZCI6IjI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MzYifSwiUGFkZGluZyI6eyIkcmVmIjoiMjM3In0sIkJhY2tncm91bmQiOnsiJGlkIjoiMjYwIiwiQ29sb3IiOnsiJGlkIjoiMjYxIiwiQSI6MCwiUiI6MjU1LCJHIjoyNTUsIkIiOjI1NX19LCJJc1Zpc2libGUiOnRydWUsIldpZHRoIjowLjAsIkhlaWdodCI6MC4wLCJCb3JkZXJTdHlsZSI6bnVsbCwiUGFyZW50U3R5bGUiOm51bGx9LCJEYXRlRm9ybWF0Ijp7IiRpZCI6IjI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jgiLCJUb3AiOjAsIkxlZnQiOjAsIlJpZ2h0IjowLCJCb3R0b20iOjB9LCJQYWRkaW5nIjp7IiRpZCI6IjMyOSIsIlRvcCI6MCwiTGVmdCI6MCwiUmlnaHQiOjAsIkJvdHRvbSI6MH0sIkJhY2tncm91bmQiOnsiJGlkIjoiMzMwIiwiQ29sb3IiOnsiJGlkIjoiMzMxIiwiQSI6MCwiUiI6MjU1LCJHIjoyNTUsIkIiOjI1NX19LCJJc1Zpc2libGUiOnRydWUsIldpZHRoIjowLjAsIkhlaWdodCI6MC4wLCJCb3JkZXJTdHlsZSI6eyIkaWQiOiIzMzIiLCJMaW5lQ29sb3IiOm51bGwsIkxpbmVXZWlnaHQiOjAuMCwiTGluZVR5cGUiOjAsIlBhcmVudFN0eWxlIjpudWxsfSwiUGFyZW50U3R5bGUiOm51bGx9LCJEYXRlRm9ybWF0Ijp7IiRpZCI6IjMz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zNzEiLCJUb3AiOjAsIkxlZnQiOjAsIlJpZ2h0IjowLCJCb3R0b20iOjB9LCJQYWRkaW5nIjp7IiRpZCI6IjM3MiIsIlRvcCI6MCwiTGVmdCI6MCwiUmlnaHQiOjAsIkJvdHRvbSI6MH0sIkJhY2tncm91bmQiOnsiJGlkIjoiMzczIiwiQ29sb3IiOnsiJGlkIjoiMzc0IiwiQSI6MCwiUiI6MjU1LCJHIjoyNTUsIkIiOjI1NX19LCJJc1Zpc2libGUiOnRydWUsIldpZHRoIjowLjAsIkhlaWdodCI6MC4wLCJCb3JkZXJTdHlsZSI6eyIkaWQiOiIzNzUiLCJMaW5lQ29sb3IiOm51bGwsIkxpbmVXZWlnaHQiOjAuMCwiTGluZVR5cGUiOjAsIlBhcmVudFN0eWxlIjpudWxsfSwiUGFyZW50U3R5bGUiOm51bGx9LCJEYXRl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wIiwiVG9wIjowLCJMZWZ0IjowLCJSaWdodCI6MCwiQm90dG9tIjowfSwiUGFkZGluZyI6eyIkaWQiOiIzODEiLCJUb3AiOjAsIkxlZnQiOjAsIlJpZ2h0IjowLCJCb3R0b20iO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RGF0ZUZvcm1hdCI6eyIkaWQiOiIzO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zNiJ9LCJQYWRkaW5nIjp7IiRyZWYiOiIyMzcifSwiQmFja2dyb3VuZCI6eyIkaWQiOiI0MDUiLCJDb2xvciI6eyIkaWQiOiI0MDYiLCJBIjowLCJSIjoyNTUsIkciOjI1NSwiQiI6MjU1fX0sIklzVmlzaWJsZSI6dHJ1ZSwiV2lkdGgiOjAuMCwiSGVpZ2h0IjowLjAsIkJvcmRlclN0eWxlIjpudWxsLCJQYXJlbnRTdHlsZSI6bnVsbH0sIkRhdGVGb3JtYXQiOnsiJGlkIjoiND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M2In0sIlBhZGRpbmciOnsiJHJlZiI6IjIzNyJ9LCJCYWNrZ3JvdW5kIjp7IiRpZCI6IjQyNyIsIkNvbG9yIjp7IiRpZCI6IjQyOCIsIkEiOjAsIlIiOjI1NSwiRyI6MjU1LCJCIjoyNTV9fSwiSXNWaXNpYmxlIjp0cnVlLCJXaWR0aCI6MC4wLCJIZWlnaHQiOjAuMCwiQm9yZGVyU3R5bGUiOm51bGwsIlBhcmVudFN0eWxlIjpudWxsfSwiRGF0ZUZvcm1hdCI6eyIkaWQiOiI0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M2In0sIlBhZGRpbmciOnsiJHJlZiI6IjIzNyJ9LCJCYWNrZ3JvdW5kIjp7IiRpZCI6IjQ0OSIsIkNvbG9yIjp7IiRpZCI6IjQ1MCIsIkEiOjAsIlIiOjI1NSwiRyI6MjU1LCJCIjoyNTV9fSwiSXNWaXNpYmxlIjp0cnVlLCJXaWR0aCI6MC4wLCJIZWlnaHQiOjAuMCwiQm9yZGVyU3R5bGUiOm51bGwsIlBhcmVudFN0eWxlIjpudWxsfSwiRGF0ZUZvcm1hdCI6eyIkaWQiOiI0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M2In0sIlBhZGRpbmciOnsiJHJlZiI6IjIzNyJ9LCJCYWNrZ3JvdW5kIjp7IiRpZCI6IjQ5MCIsIkNvbG9yIjp7IiRpZCI6IjQ5MSIsIkEiOjAsIlIiOjI1NSwiRyI6MjU1LCJCIjoyNTV9fSwiSXNWaXNpYmxlIjp0cnVlLCJXaWR0aCI6MC4wLCJIZWlnaHQiOjAuMCwiQm9yZGVyU3R5bGUiOm51bGwsIlBhcmVudFN0eWxlIjpudWxsfSwiRGF0ZUZvcm1hdCI6eyIkaWQiOiI0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MzYifSwiUGFkZGluZyI6eyIkcmVmIjoiMjM3In0sIkJhY2tncm91bmQiOnsiJGlkIjoiNTEyIiwiQ29sb3IiOnsiJGlkIjoiNTEzIiwiQSI6MCwiUiI6MjU1LCJHIjoyNTUsIkIiOjI1NX19LCJJc1Zpc2libGUiOnRydWUsIldpZHRoIjowLjAsIkhlaWdodCI6MC4wLCJCb3JkZXJTdHlsZSI6bnVsbCwiUGFyZW50U3R5bGUiOm51bGx9LCJEYXRlRm9ybWF0Ijp7IiRpZCI6IjU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h5cGVybGluayI6eyIkaWQiOiI1MTUiLCJBZGRyZXNzIjoiIiwiU3ViQWRkcmVzcyI6IiJ9LCJJbXBvcnRJZCI6IiJ9XX1dLCJNc1Byb2plY3RJdGVtc1RyZWUiOnsiJGlkIjoiNTE2IiwiUm9vdCI6eyJJbXBvcnRJZCI6bnVsbCwiSXNJbXBvcnRlZCI6ZmFsc2UsIkNoaWxkcmVuIjpbXX19LCJNZXRhZGF0YSI6eyIkaWQiOiI1MTciLCJSZWNlbnRDb2xvcnNDb2xsZWN0aW9uIjoiW1wiI0ZGNzBBRDQ3XCIsXCIjRkZFRDdEMzFcIl0ifSwiU2V0dGluZ3MiOnsiJGlkIjoiNTE4IiwiSW1wYU9wdGlvbnMiOnsiJGlkIjoiNTE5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TIwIiwiVXNlVGltZSI6ZmFsc2UsIldvcmtEYXlTdGFydCI6IjAwOjAwOjAwIiwiV29ya0RheUVuZCI6IjIzOjU5OjAwIn0sIkxhc3RVc2VkVGVtcGxhdGVJZCI6IjczNTViNjMzLWFjNjYtNDUyOC04YjRkLTI5OWZhZWRjOWVl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Quick_Hostos_PowerPoint_Template_In_Progress[2][4]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6740</TotalTime>
  <Words>1261</Words>
  <Application>Microsoft Office PowerPoint</Application>
  <PresentationFormat>Widescreen</PresentationFormat>
  <Paragraphs>180</Paragraphs>
  <Slides>29</Slides>
  <Notes>17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9</vt:i4>
      </vt:variant>
    </vt:vector>
  </HeadingPairs>
  <TitlesOfParts>
    <vt:vector size="33" baseType="lpstr">
      <vt:lpstr>Arial</vt:lpstr>
      <vt:lpstr>Arial Black</vt:lpstr>
      <vt:lpstr>Calibri</vt:lpstr>
      <vt:lpstr>Quick_Hostos_PowerPoint_Template_In_Progress[2][4]</vt:lpstr>
      <vt:lpstr>AES Program Reflection Process -  Cohort Meeting #3</vt:lpstr>
      <vt:lpstr>Agenda</vt:lpstr>
      <vt:lpstr>Recording</vt:lpstr>
      <vt:lpstr>Meeting Objectives</vt:lpstr>
      <vt:lpstr>Debrief Feedback Conversations</vt:lpstr>
      <vt:lpstr>Debrief Questions</vt:lpstr>
      <vt:lpstr>Review of 2nd Part of Template Document</vt:lpstr>
      <vt:lpstr>PowerPoint Presentation</vt:lpstr>
      <vt:lpstr>Goals for Completing 2nd Part of Template Document</vt:lpstr>
      <vt:lpstr>Goals for Completing 2nd Part of Template Document (cont.)</vt:lpstr>
      <vt:lpstr>Goals for Completing 2nd Part of Template Document (cont.)</vt:lpstr>
      <vt:lpstr>Goals for Completing 2nd Part of Template Document (cont.)</vt:lpstr>
      <vt:lpstr>“Finalization”: Adjustments, Prioritization, and Alignment to College Priorities </vt:lpstr>
      <vt:lpstr>PowerPoint Presentation</vt:lpstr>
      <vt:lpstr>Objectives for Finalizing</vt:lpstr>
      <vt:lpstr>PowerPoint Presentation</vt:lpstr>
      <vt:lpstr>PowerPoint Presentation</vt:lpstr>
      <vt:lpstr>Activity</vt:lpstr>
      <vt:lpstr>Last Part of Template and Incorporating into Annual Planning and Assessment Report </vt:lpstr>
      <vt:lpstr>PowerPoint Presentation</vt:lpstr>
      <vt:lpstr>Guidance for Last Table</vt:lpstr>
      <vt:lpstr>PowerPoint Presentation</vt:lpstr>
      <vt:lpstr>Connection to Annual Report</vt:lpstr>
      <vt:lpstr>PowerPoint Presentation</vt:lpstr>
      <vt:lpstr>Celebration of Learning</vt:lpstr>
      <vt:lpstr>PowerPoint Presentation</vt:lpstr>
      <vt:lpstr>Reflection and Learning</vt:lpstr>
      <vt:lpstr>Next Steps</vt:lpstr>
      <vt:lpstr>Thank You!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Jos Gar</dc:creator>
  <cp:lastModifiedBy>DNorville</cp:lastModifiedBy>
  <cp:revision>134</cp:revision>
  <dcterms:created xsi:type="dcterms:W3CDTF">2020-08-20T18:27:59Z</dcterms:created>
  <dcterms:modified xsi:type="dcterms:W3CDTF">2020-12-15T21:08:24Z</dcterms:modified>
</cp:coreProperties>
</file>